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3. Lenka\Aktualizovaný priečinok\2019 - 515. SZM a ŠZM ANGIO\02. Príprava\Rok 2022\02. PHZ\3. PTK\00. Pracovná verzia\"/>
    </mc:Choice>
  </mc:AlternateContent>
  <bookViews>
    <workbookView xWindow="-105" yWindow="-105" windowWidth="23250" windowHeight="12570"/>
  </bookViews>
  <sheets>
    <sheet name="Kalkulácia ceny-časť č. 1" sheetId="3" r:id="rId1"/>
    <sheet name="Kalkulácia ceny-časť č. 2" sheetId="4" r:id="rId2"/>
    <sheet name="Kalkulácia ceny-časť č. 3" sheetId="5" r:id="rId3"/>
    <sheet name="Kalkulácia ceny-časť č. 4" sheetId="6" r:id="rId4"/>
    <sheet name="Kalkulácia ceny-časť č. 5" sheetId="7" r:id="rId5"/>
    <sheet name="Kalkulácia ceny-časť č. 6" sheetId="8" r:id="rId6"/>
    <sheet name="Kalkulácia ceny-časť č. 7" sheetId="9" r:id="rId7"/>
    <sheet name="Kalkulácia ceny-časť č. 8" sheetId="10" r:id="rId8"/>
    <sheet name="Kalkulácia ceny-časť č. 9" sheetId="11" r:id="rId9"/>
    <sheet name="Kalkulácia ceny-časť č. 10" sheetId="12" r:id="rId10"/>
    <sheet name="Kalkulácia ceny-časť č. 11" sheetId="13" r:id="rId11"/>
    <sheet name="Kalkulácia ceny-časť č. 12" sheetId="14" r:id="rId12"/>
    <sheet name="Kalkulácia ceny-časť č. 13" sheetId="15" r:id="rId13"/>
    <sheet name="Kalkulácia ceny-časť č. 14" sheetId="17" r:id="rId14"/>
    <sheet name="Kalkulácia ceny-časť č. 15" sheetId="16" r:id="rId15"/>
    <sheet name="Kalkulácia ceny-časť č. 16" sheetId="18" r:id="rId16"/>
    <sheet name="Kalkulácia ceny-časť č. 17" sheetId="19" r:id="rId17"/>
    <sheet name="Kalkulácia ceny-časť č. 18" sheetId="20" r:id="rId18"/>
    <sheet name="Kalkulácia ceny-časť č. 19" sheetId="21" r:id="rId19"/>
    <sheet name="Kalkulácia ceny-časť č. 20" sheetId="22" r:id="rId20"/>
    <sheet name="Kalkulácia ceny-časť č. 21" sheetId="23" r:id="rId21"/>
    <sheet name="Kalkulácia ceny-časť č. 22" sheetId="24" r:id="rId22"/>
    <sheet name="Kalkulácia ceny-časť č. 23" sheetId="25" r:id="rId23"/>
    <sheet name="Kalkulácia ceny-časť č. 24" sheetId="26" r:id="rId24"/>
    <sheet name="Kalkulácia ceny-časť č. 25" sheetId="27" r:id="rId25"/>
    <sheet name="Kalkulácia ceny-časť č. 26" sheetId="28" r:id="rId26"/>
    <sheet name="Kalkulácia ceny-časť č. 27" sheetId="29" r:id="rId27"/>
    <sheet name="Kalkulácia ceny-časť č. 28" sheetId="30" r:id="rId28"/>
    <sheet name="Kalkulácia ceny-časť č. 29" sheetId="31" r:id="rId29"/>
    <sheet name="Kalkulácia ceny-časť č. 30" sheetId="32" r:id="rId30"/>
    <sheet name="Kalkulácia ceny-časť č. 31" sheetId="33" r:id="rId31"/>
    <sheet name="Kalkulácia ceny-časť č. 32" sheetId="34" r:id="rId32"/>
    <sheet name="Kalkulácia ceny-časť č. 33" sheetId="35" r:id="rId33"/>
    <sheet name="Kalkulácia ceny-časť č. 34" sheetId="36" r:id="rId34"/>
    <sheet name="Kalkulácia ceny-časť č. 35" sheetId="37" r:id="rId35"/>
    <sheet name="Kalkulácia ceny-časť č. 36" sheetId="38" r:id="rId36"/>
    <sheet name="Kalkulácia ceny-časť č. 37" sheetId="39" r:id="rId37"/>
    <sheet name="Kalkulácia ceny-časť č. 38" sheetId="40" r:id="rId38"/>
    <sheet name="Kalkulácia ceny-časť č. 39" sheetId="41" r:id="rId39"/>
    <sheet name="Kalkulácia ceny-časť č. 40" sheetId="42" r:id="rId40"/>
    <sheet name="Kalkulácia ceny-časť č. 41" sheetId="43" r:id="rId41"/>
    <sheet name="Kalkulácia ceny-časť č. 42" sheetId="44" r:id="rId42"/>
    <sheet name="Kalkulácia ceny-časť č. 43" sheetId="45" r:id="rId43"/>
    <sheet name="Kalkulácia ceny-časť č. 44" sheetId="46" r:id="rId44"/>
    <sheet name="Kalkulácia ceny-časť č. 45" sheetId="47" r:id="rId45"/>
    <sheet name="Kalkulácia ceny-časť č. 46" sheetId="48" r:id="rId46"/>
    <sheet name="Kalkulácia ceny-časť č. 47" sheetId="49" r:id="rId47"/>
    <sheet name="Kalkulácia ceny-časť č. 48" sheetId="50" r:id="rId48"/>
    <sheet name="Kalkulácia ceny-časť č. 49" sheetId="51" r:id="rId49"/>
    <sheet name="Kalkulácia ceny-časť č. 50" sheetId="52" r:id="rId50"/>
    <sheet name="Kalkulácia ceny-časť č. 51" sheetId="53" r:id="rId51"/>
    <sheet name="Kalkulácia ceny-časť č. 52" sheetId="54" r:id="rId52"/>
    <sheet name="Kalkulácia ceny-časť č. 53" sheetId="55" r:id="rId53"/>
    <sheet name="Kalkulácia ceny-časť č. 54" sheetId="56" r:id="rId54"/>
    <sheet name="Kalkulácia ceny-časť č. 55" sheetId="57" r:id="rId55"/>
    <sheet name="Kalkulácia ceny-časť č. 56" sheetId="58" r:id="rId56"/>
    <sheet name="Kalkulácia ceny-časť č. 57" sheetId="59" r:id="rId57"/>
    <sheet name="Kalkulácia ceny-časť č. 58" sheetId="60" r:id="rId58"/>
    <sheet name="Kalkulácia ceny-časť č. 59" sheetId="61" r:id="rId59"/>
    <sheet name="Kalkulácia ceny-časť č. 60" sheetId="62" r:id="rId60"/>
    <sheet name="Kalkulácia ceny-časť č. 61" sheetId="63" r:id="rId61"/>
  </sheets>
  <definedNames>
    <definedName name="_xlnm.Print_Area" localSheetId="0">'Kalkulácia ceny-časť č. 1'!$A$1:$M$40</definedName>
    <definedName name="_xlnm.Print_Area" localSheetId="9">'Kalkulácia ceny-časť č. 10'!$A$1:$M$30</definedName>
    <definedName name="_xlnm.Print_Area" localSheetId="10">'Kalkulácia ceny-časť č. 11'!$A$1:$M$30</definedName>
    <definedName name="_xlnm.Print_Area" localSheetId="11">'Kalkulácia ceny-časť č. 12'!$A$1:$M$30</definedName>
    <definedName name="_xlnm.Print_Area" localSheetId="12">'Kalkulácia ceny-časť č. 13'!$A$1:$M$30</definedName>
    <definedName name="_xlnm.Print_Area" localSheetId="13">'Kalkulácia ceny-časť č. 14'!$A$1:$M$40</definedName>
    <definedName name="_xlnm.Print_Area" localSheetId="14">'Kalkulácia ceny-časť č. 15'!$A$1:$M$40</definedName>
    <definedName name="_xlnm.Print_Area" localSheetId="15">'Kalkulácia ceny-časť č. 16'!$A$1:$M$30</definedName>
    <definedName name="_xlnm.Print_Area" localSheetId="16">'Kalkulácia ceny-časť č. 17'!$A$1:$M$30</definedName>
    <definedName name="_xlnm.Print_Area" localSheetId="17">'Kalkulácia ceny-časť č. 18'!$A$1:$M$40</definedName>
    <definedName name="_xlnm.Print_Area" localSheetId="18">'Kalkulácia ceny-časť č. 19'!$A$1:$M$30</definedName>
    <definedName name="_xlnm.Print_Area" localSheetId="1">'Kalkulácia ceny-časť č. 2'!$A$1:$M$76</definedName>
    <definedName name="_xlnm.Print_Area" localSheetId="19">'Kalkulácia ceny-časť č. 20'!$A$1:$M$30</definedName>
    <definedName name="_xlnm.Print_Area" localSheetId="20">'Kalkulácia ceny-časť č. 21'!$A$1:$M$30</definedName>
    <definedName name="_xlnm.Print_Area" localSheetId="21">'Kalkulácia ceny-časť č. 22'!$A$1:$M$30</definedName>
    <definedName name="_xlnm.Print_Area" localSheetId="22">'Kalkulácia ceny-časť č. 23'!$A$1:$M$30</definedName>
    <definedName name="_xlnm.Print_Area" localSheetId="23">'Kalkulácia ceny-časť č. 24'!$A$1:$M$30</definedName>
    <definedName name="_xlnm.Print_Area" localSheetId="24">'Kalkulácia ceny-časť č. 25'!$A$1:$M$30</definedName>
    <definedName name="_xlnm.Print_Area" localSheetId="25">'Kalkulácia ceny-časť č. 26'!$A$1:$M$40</definedName>
    <definedName name="_xlnm.Print_Area" localSheetId="26">'Kalkulácia ceny-časť č. 27'!$A$1:$M$30</definedName>
    <definedName name="_xlnm.Print_Area" localSheetId="27">'Kalkulácia ceny-časť č. 28'!$A$1:$M$30</definedName>
    <definedName name="_xlnm.Print_Area" localSheetId="28">'Kalkulácia ceny-časť č. 29'!$A$1:$M$30</definedName>
    <definedName name="_xlnm.Print_Area" localSheetId="2">'Kalkulácia ceny-časť č. 3'!$A$1:$M$49</definedName>
    <definedName name="_xlnm.Print_Area" localSheetId="29">'Kalkulácia ceny-časť č. 30'!$A$1:$M$30</definedName>
    <definedName name="_xlnm.Print_Area" localSheetId="30">'Kalkulácia ceny-časť č. 31'!$A$1:$M$30</definedName>
    <definedName name="_xlnm.Print_Area" localSheetId="31">'Kalkulácia ceny-časť č. 32'!$A$1:$M$68</definedName>
    <definedName name="_xlnm.Print_Area" localSheetId="32">'Kalkulácia ceny-časť č. 33'!$A$1:$M$68</definedName>
    <definedName name="_xlnm.Print_Area" localSheetId="33">'Kalkulácia ceny-časť č. 34'!$A$1:$M$42</definedName>
    <definedName name="_xlnm.Print_Area" localSheetId="34">'Kalkulácia ceny-časť č. 35'!$A$1:$M$42</definedName>
    <definedName name="_xlnm.Print_Area" localSheetId="35">'Kalkulácia ceny-časť č. 36'!$A$1:$M$42</definedName>
    <definedName name="_xlnm.Print_Area" localSheetId="36">'Kalkulácia ceny-časť č. 37'!$A$1:$M$42</definedName>
    <definedName name="_xlnm.Print_Area" localSheetId="37">'Kalkulácia ceny-časť č. 38'!$A$1:$M$48</definedName>
    <definedName name="_xlnm.Print_Area" localSheetId="38">'Kalkulácia ceny-časť č. 39'!$A$1:$M$30</definedName>
    <definedName name="_xlnm.Print_Area" localSheetId="3">'Kalkulácia ceny-časť č. 4'!$A$1:$M$40</definedName>
    <definedName name="_xlnm.Print_Area" localSheetId="39">'Kalkulácia ceny-časť č. 40'!$A$1:$M$30</definedName>
    <definedName name="_xlnm.Print_Area" localSheetId="40">'Kalkulácia ceny-časť č. 41'!$A$1:$M$30</definedName>
    <definedName name="_xlnm.Print_Area" localSheetId="41">'Kalkulácia ceny-časť č. 42'!$A$1:$M$30</definedName>
    <definedName name="_xlnm.Print_Area" localSheetId="42">'Kalkulácia ceny-časť č. 43'!$A$1:$M$113</definedName>
    <definedName name="_xlnm.Print_Area" localSheetId="43">'Kalkulácia ceny-časť č. 44'!$A$1:$M$220</definedName>
    <definedName name="_xlnm.Print_Area" localSheetId="44">'Kalkulácia ceny-časť č. 45'!$A$1:$M$42</definedName>
    <definedName name="_xlnm.Print_Area" localSheetId="45">'Kalkulácia ceny-časť č. 46'!$A$1:$M$75</definedName>
    <definedName name="_xlnm.Print_Area" localSheetId="46">'Kalkulácia ceny-časť č. 47'!$A$1:$M$30</definedName>
    <definedName name="_xlnm.Print_Area" localSheetId="47">'Kalkulácia ceny-časť č. 48'!$A$1:$M$30</definedName>
    <definedName name="_xlnm.Print_Area" localSheetId="48">'Kalkulácia ceny-časť č. 49'!$A$1:$M$84</definedName>
    <definedName name="_xlnm.Print_Area" localSheetId="4">'Kalkulácia ceny-časť č. 5'!$A$1:$M$49</definedName>
    <definedName name="_xlnm.Print_Area" localSheetId="49">'Kalkulácia ceny-časť č. 50'!$A$1:$M$121</definedName>
    <definedName name="_xlnm.Print_Area" localSheetId="50">'Kalkulácia ceny-časť č. 51'!$A$1:$M$67</definedName>
    <definedName name="_xlnm.Print_Area" localSheetId="51">'Kalkulácia ceny-časť č. 52'!$A$1:$M$75</definedName>
    <definedName name="_xlnm.Print_Area" localSheetId="52">'Kalkulácia ceny-časť č. 53'!$A$1:$M$75</definedName>
    <definedName name="_xlnm.Print_Area" localSheetId="53">'Kalkulácia ceny-časť č. 54'!$A$1:$M$30</definedName>
    <definedName name="_xlnm.Print_Area" localSheetId="54">'Kalkulácia ceny-časť č. 55'!$A$1:$M$30</definedName>
    <definedName name="_xlnm.Print_Area" localSheetId="55">'Kalkulácia ceny-časť č. 56'!$A$1:$M$30</definedName>
    <definedName name="_xlnm.Print_Area" localSheetId="56">'Kalkulácia ceny-časť č. 57'!$A$1:$M$30</definedName>
    <definedName name="_xlnm.Print_Area" localSheetId="57">'Kalkulácia ceny-časť č. 58'!$A$1:$M$30</definedName>
    <definedName name="_xlnm.Print_Area" localSheetId="58">'Kalkulácia ceny-časť č. 59'!$A$1:$M$30</definedName>
    <definedName name="_xlnm.Print_Area" localSheetId="5">'Kalkulácia ceny-časť č. 6'!$A$1:$M$40</definedName>
    <definedName name="_xlnm.Print_Area" localSheetId="59">'Kalkulácia ceny-časť č. 60'!$A$1:$M$42</definedName>
    <definedName name="_xlnm.Print_Area" localSheetId="60">'Kalkulácia ceny-časť č. 61'!$A$1:$M$75</definedName>
    <definedName name="_xlnm.Print_Area" localSheetId="6">'Kalkulácia ceny-časť č. 7'!$A$1:$M$30</definedName>
    <definedName name="_xlnm.Print_Area" localSheetId="7">'Kalkulácia ceny-časť č. 8'!$A$1:$M$48</definedName>
    <definedName name="_xlnm.Print_Area" localSheetId="8">'Kalkulácia ceny-časť č. 9'!$A$1:$M$40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15" i="63" l="1"/>
  <c r="L15" i="63"/>
  <c r="M11" i="62"/>
  <c r="L11" i="62"/>
  <c r="M10" i="61"/>
  <c r="L10" i="61"/>
  <c r="M10" i="60"/>
  <c r="L10" i="60"/>
  <c r="M10" i="59"/>
  <c r="L10" i="59"/>
  <c r="M10" i="58"/>
  <c r="L10" i="58"/>
  <c r="M10" i="57"/>
  <c r="L10" i="57"/>
  <c r="M10" i="56"/>
  <c r="L10" i="56"/>
  <c r="M15" i="55"/>
  <c r="L15" i="55"/>
  <c r="M15" i="54"/>
  <c r="L15" i="54"/>
  <c r="M14" i="53"/>
  <c r="L14" i="53"/>
  <c r="M20" i="52"/>
  <c r="L20" i="52"/>
  <c r="M16" i="51"/>
  <c r="L16" i="51"/>
  <c r="M10" i="50"/>
  <c r="L10" i="50"/>
  <c r="M10" i="49"/>
  <c r="L10" i="49"/>
  <c r="M15" i="48"/>
  <c r="L15" i="48"/>
  <c r="M11" i="47"/>
  <c r="L11" i="47"/>
  <c r="L31" i="46"/>
  <c r="M31" i="46"/>
  <c r="M19" i="45"/>
  <c r="L19" i="45"/>
  <c r="M10" i="44"/>
  <c r="L10" i="44"/>
  <c r="M10" i="43"/>
  <c r="L10" i="43"/>
  <c r="M10" i="42"/>
  <c r="L10" i="42"/>
  <c r="M10" i="41"/>
  <c r="L10" i="41"/>
  <c r="M12" i="40"/>
  <c r="L12" i="40"/>
  <c r="M11" i="39"/>
  <c r="L11" i="39"/>
  <c r="M11" i="38"/>
  <c r="L11" i="38"/>
  <c r="M11" i="37"/>
  <c r="L11" i="37"/>
  <c r="M11" i="36"/>
  <c r="L11" i="36"/>
  <c r="M14" i="35"/>
  <c r="L14" i="35"/>
  <c r="M14" i="34"/>
  <c r="L14" i="34"/>
  <c r="M10" i="33"/>
  <c r="L10" i="33"/>
  <c r="M10" i="32"/>
  <c r="L10" i="32"/>
  <c r="M10" i="31"/>
  <c r="L10" i="31"/>
  <c r="M10" i="30"/>
  <c r="L10" i="30"/>
  <c r="M10" i="29"/>
  <c r="L10" i="29"/>
  <c r="M11" i="28"/>
  <c r="L11" i="28"/>
  <c r="M10" i="27"/>
  <c r="L10" i="27"/>
  <c r="M10" i="26"/>
  <c r="L10" i="26"/>
  <c r="M10" i="25"/>
  <c r="L10" i="25"/>
  <c r="M10" i="24"/>
  <c r="L10" i="24"/>
  <c r="M10" i="23"/>
  <c r="L10" i="23"/>
  <c r="M10" i="22"/>
  <c r="L10" i="22"/>
  <c r="M10" i="21"/>
  <c r="L10" i="21"/>
  <c r="M11" i="20"/>
  <c r="L11" i="20"/>
  <c r="M10" i="19"/>
  <c r="L10" i="19"/>
  <c r="M10" i="18"/>
  <c r="L10" i="18"/>
  <c r="M11" i="17"/>
  <c r="L11" i="17"/>
  <c r="M11" i="16"/>
  <c r="L11" i="16"/>
  <c r="M10" i="15"/>
  <c r="L10" i="15"/>
  <c r="M10" i="14"/>
  <c r="L10" i="14"/>
  <c r="M10" i="13"/>
  <c r="L10" i="13"/>
  <c r="M10" i="12"/>
  <c r="L10" i="12"/>
  <c r="M11" i="11"/>
  <c r="L11" i="11"/>
  <c r="M12" i="10"/>
  <c r="L12" i="10"/>
  <c r="L10" i="9"/>
  <c r="M10" i="9"/>
  <c r="M11" i="8"/>
  <c r="L11" i="8"/>
  <c r="M12" i="7"/>
  <c r="L12" i="7"/>
  <c r="M11" i="6"/>
  <c r="L11" i="6"/>
  <c r="L12" i="5"/>
  <c r="M12" i="5"/>
  <c r="M15" i="4" l="1"/>
  <c r="L15" i="4"/>
  <c r="M11" i="3"/>
  <c r="L11" i="3"/>
</calcChain>
</file>

<file path=xl/sharedStrings.xml><?xml version="1.0" encoding="utf-8"?>
<sst xmlns="http://schemas.openxmlformats.org/spreadsheetml/2006/main" count="7951" uniqueCount="50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>ks</t>
  </si>
  <si>
    <r>
      <t xml:space="preserve">Príloha č. 1 - </t>
    </r>
    <r>
      <rPr>
        <sz val="10"/>
        <color theme="1"/>
        <rFont val="Arial"/>
        <family val="2"/>
        <charset val="238"/>
      </rPr>
      <t xml:space="preserve">Kalkulácia ceny a návrh na plnenie kritéria na vyhodnotenie ponúk - Štruktúrovaný rozpočet ceny predmetu zákazky </t>
    </r>
  </si>
  <si>
    <t>Časť č. 1 - Angiografické sety</t>
  </si>
  <si>
    <t>Sterilný angiografický set</t>
  </si>
  <si>
    <t>Sterilný neuro-intervenčný angiografický set</t>
  </si>
  <si>
    <t xml:space="preserve">Množstvo na obdobie 48 mes. </t>
  </si>
  <si>
    <t>Sortiment položky č. 1 - Sterilný angiografický set</t>
  </si>
  <si>
    <t xml:space="preserve">Množstvo na obdobie 48 mes.  </t>
  </si>
  <si>
    <t>7 400 ks</t>
  </si>
  <si>
    <t>Sortiment položky č. 2 - Sterilný neuro-intervenčný angiografický set</t>
  </si>
  <si>
    <t>300 ks</t>
  </si>
  <si>
    <t>Časť č. 2 - Zavádzače, rekanalizačné 0.035‘‘vodiče a katétre</t>
  </si>
  <si>
    <t>Mikro-zavádzače</t>
  </si>
  <si>
    <t>Štandardné zavádzače</t>
  </si>
  <si>
    <t>Kink-rezistentné zavádzače s vlastnosťou guiding katétrov</t>
  </si>
  <si>
    <t>Samostatná hemostatická chlopňa</t>
  </si>
  <si>
    <t>Hydrofílny angiografický katéter</t>
  </si>
  <si>
    <t>Sortiment položky č. 1 - Mikro-zavádzače</t>
  </si>
  <si>
    <t>Sortiment položky č. 2 - Štandardné zavádzače</t>
  </si>
  <si>
    <t>Sortiment položky č. 3 - Kink-rezistentné zavádzače s vlastnosťou guiding katétrov</t>
  </si>
  <si>
    <t>Sortiment položky č. 4 - Samostatná hemostatická chlopňa</t>
  </si>
  <si>
    <t>Sortiment položky č. 5 - Rekanalizačné vodiče 0.035‘‘ ( eventualita 0.038‘‘)</t>
  </si>
  <si>
    <t>Sortiment položky č. 6 - Hydrofílny angiografický katéter</t>
  </si>
  <si>
    <t>20 ks</t>
  </si>
  <si>
    <t>2 600 ks</t>
  </si>
  <si>
    <t>800 ks</t>
  </si>
  <si>
    <t>4 080 ks</t>
  </si>
  <si>
    <t>Časť č. 3 - Diagnostické katétre a vodiče</t>
  </si>
  <si>
    <t xml:space="preserve">Diagnostické katétre pre prehľadnú angiografiu </t>
  </si>
  <si>
    <t xml:space="preserve">Diagnostické katétre pre selektívnu angiografiu </t>
  </si>
  <si>
    <t>Diagnostický vodič</t>
  </si>
  <si>
    <t xml:space="preserve">Sortiment položky č. 1 - Diagnostické katétre pre prehľadnú angiografiu </t>
  </si>
  <si>
    <t xml:space="preserve">Sortiment položky č. 2 - Diagnostické katétre pre selektívnu angiografiu </t>
  </si>
  <si>
    <t>Sortiment položky č. 3 - Diagnostický vodič</t>
  </si>
  <si>
    <t>200 ks</t>
  </si>
  <si>
    <t>Časť č. 4 - 0.014‘‘a 0.035‘‘vodiče – zamerané na výbornú manévrovateľnosť</t>
  </si>
  <si>
    <t>Spotrebný zdravotnícky materiál a špeciálny zdravotnícky materiál pre intervenčnú angiológiu</t>
  </si>
  <si>
    <t xml:space="preserve">0.014‘‘vodič </t>
  </si>
  <si>
    <t>0.035‘‘vodič</t>
  </si>
  <si>
    <t xml:space="preserve">Sortiment položky č. 1 - 0.014‘‘vodič </t>
  </si>
  <si>
    <t>Sortiment položky č. 2 - 0.035‘‘vodič</t>
  </si>
  <si>
    <t>500 ks</t>
  </si>
  <si>
    <t>Časť č. 5 - Rekanalizačné vodiče a mikrokatétre</t>
  </si>
  <si>
    <t>Vodiče 0.014´´ koncepcie</t>
  </si>
  <si>
    <t>Vodiče 0.018´´ koncepcie</t>
  </si>
  <si>
    <t>Mikrokatétre s vodičmi</t>
  </si>
  <si>
    <t>Sortiment položky č. 1 - Vodiče 0.014´´ koncepcie</t>
  </si>
  <si>
    <t>Sortiment položky č. 2 - Vodiče 0.018´´ koncepcie</t>
  </si>
  <si>
    <t>Sortiment položky č. 3 - Mikrokatétre s vodičmi</t>
  </si>
  <si>
    <t>100 ks</t>
  </si>
  <si>
    <t>1 000 ks</t>
  </si>
  <si>
    <t>50 ks</t>
  </si>
  <si>
    <t>Časť č. 6 - Rekanalizačné vodiče na prechod stenózami 0.014‘‘a 0.018‘‘ koncepcie</t>
  </si>
  <si>
    <t>Vodiče 0.014‘‘</t>
  </si>
  <si>
    <t>Vodiče 0.018‘‘</t>
  </si>
  <si>
    <t>Sortiment položky č. 1 - Vodiče 0.014‘‘</t>
  </si>
  <si>
    <t>Sortiment položky č. 2 - Vodiče 0.018‘‘</t>
  </si>
  <si>
    <t>1 600 ks</t>
  </si>
  <si>
    <t>Časť č. 7 - Manometrické PTA striekačky</t>
  </si>
  <si>
    <t>Manometrické PTA striekačky</t>
  </si>
  <si>
    <t>Sortiment položky č. 1 - Manometrické PTA striekačky</t>
  </si>
  <si>
    <t>5 000 ks</t>
  </si>
  <si>
    <t>Časť č. 8 - Štandardné PTA balóny</t>
  </si>
  <si>
    <t>PTA balónkové katétre na 0.014´´ vodič</t>
  </si>
  <si>
    <t>PTA balónkové katétre na 0.018´´ vodič</t>
  </si>
  <si>
    <t>PTA balónkové katétre na 0.035´´ vodič</t>
  </si>
  <si>
    <t>Sortiment položky č. 1 - PTA balónkové katétre na 0.014´´ vodič</t>
  </si>
  <si>
    <t>Sortiment položky č. 2 - PTA balónkové katétre na 0.018´´ vodič</t>
  </si>
  <si>
    <t>Sortiment položky č. 3 - PTA balónkové katétre na 0.035´´ vodič</t>
  </si>
  <si>
    <t>1 800 ks</t>
  </si>
  <si>
    <t>2 400 ks</t>
  </si>
  <si>
    <t>Časť č. 9 - DCB balóny</t>
  </si>
  <si>
    <t>0.035´´ DCB balóny</t>
  </si>
  <si>
    <t>0.018´´ DCB balóny</t>
  </si>
  <si>
    <t>Sortiment položky č. 1 - 0.035´´ DCB balóny</t>
  </si>
  <si>
    <t>Sortiment položky č. 2 - 0.018´´ DCB balóny</t>
  </si>
  <si>
    <t>1 400 ks</t>
  </si>
  <si>
    <t>Časť č. 10 - Špeciálne 4F DCB balóny</t>
  </si>
  <si>
    <t>Špeciálne 4F DCB balóny</t>
  </si>
  <si>
    <t>Sortiment položky č. 1 - Špeciálne 4F DCB balóny</t>
  </si>
  <si>
    <t>Časť č. 11 - Špeciálny DCB balón (sirolimus)</t>
  </si>
  <si>
    <t>Špeciálny DCB balón (sirolimus)</t>
  </si>
  <si>
    <t>Sortiment položky č. 1 - Špeciálny DCB balón (sirolimus)</t>
  </si>
  <si>
    <t>Rekanalizačné vodiče 0.035‘‘ 
( eventualita 0.038‘‘)</t>
  </si>
  <si>
    <t>Časť č. 12 - Špeciálny scóringový balón</t>
  </si>
  <si>
    <t>Špeciálny scóringový balón</t>
  </si>
  <si>
    <t>Sortiment položky č. 1 - Špeciálny scóringový balón</t>
  </si>
  <si>
    <t>140 ks</t>
  </si>
  <si>
    <t>Časť č. 13 - Špeciálne balóny s kontrolovanou dilatáciou</t>
  </si>
  <si>
    <t>Špeciálne balóny s kontrolovanou dilatáciou</t>
  </si>
  <si>
    <t>Sortiment položky č. 1 - Špeciálne balóny s kontrolovanou dilatáciou</t>
  </si>
  <si>
    <t>720 ks</t>
  </si>
  <si>
    <t>Časť č. 14 - Balónikový katéter na expanziu aortálnych stentgraftov</t>
  </si>
  <si>
    <t>Balónikový katéter s efektívnou dĺžkou 65 cm</t>
  </si>
  <si>
    <t xml:space="preserve">Balónikový katéter s efektívnou dĺžkou 100 cm </t>
  </si>
  <si>
    <t>Sortiment položky č. 1 - Balónikový katéter s efektívnou dĺžkou 65 cm</t>
  </si>
  <si>
    <t xml:space="preserve">Sortiment položky č. 2 - Balónikový katéter s efektívnou dĺžkou 100 cm </t>
  </si>
  <si>
    <t>Časť č. 15 - Stenty a balóny veľkých priemerov</t>
  </si>
  <si>
    <t>Aortálne stenty</t>
  </si>
  <si>
    <t xml:space="preserve">Arteriálny/venózny PTA katéter na veľký priemer ciev </t>
  </si>
  <si>
    <t>Sortiment položky č. 1 - Aortálne stenty</t>
  </si>
  <si>
    <t xml:space="preserve">Sortiment položky č. 2 - Arteriálny/venózny PTA katéter na veľký priemer ciev </t>
  </si>
  <si>
    <t>Časť č. 16 -  4F samo-expandovateľné stenty</t>
  </si>
  <si>
    <t>Stent</t>
  </si>
  <si>
    <t>Sortiment položky č. 1 - Stent</t>
  </si>
  <si>
    <t>Časť č. 17 - 5F samo-expandovateľný stent ( BMS )</t>
  </si>
  <si>
    <t>Sortiment položky č. 1 - 5F samo-expandovateľný stent ( BMS )</t>
  </si>
  <si>
    <t xml:space="preserve">Časť č. 18 -  6F samo-expandovateľné stenty </t>
  </si>
  <si>
    <t xml:space="preserve">Suprainguinálne stenty </t>
  </si>
  <si>
    <t xml:space="preserve">Infrainguinálne stenty </t>
  </si>
  <si>
    <t xml:space="preserve">Sortiment položky č. 1 - Suprainguinálne stenty </t>
  </si>
  <si>
    <t xml:space="preserve">Sortiment položky č. 2 - Infrainguinálne stenty  </t>
  </si>
  <si>
    <t>Časť č. 19 - Balón-expandovateľné suprainguinálne Co-Cr stenty</t>
  </si>
  <si>
    <t>Balón-expandovateľné suprainguinálne Co-Cr stenty</t>
  </si>
  <si>
    <t>Sortiment položky č. 1 - Balón-expandovateľné suprainguinálne Co-Cr stenty</t>
  </si>
  <si>
    <t>548 ks</t>
  </si>
  <si>
    <t>Časť č. 20 - Periférny balón-expandovateľné stenty</t>
  </si>
  <si>
    <t>Periférny balón-expandovateľné stenty</t>
  </si>
  <si>
    <t>Sortiment položky č. 1 - Periférny balón-expandovateľné stenty</t>
  </si>
  <si>
    <t>12 ks</t>
  </si>
  <si>
    <t>Časť č. 21 - Špeciálne super-flexibilné stenty ( do femoro-popliteálnej oblasti )</t>
  </si>
  <si>
    <t>Špeciálne super-flexibilné stenty ( do femoro-popliteálnej oblasti )</t>
  </si>
  <si>
    <t>Sortiment položky č. 1 - Špeciálne super-flexibilné stenty ( do femoro-popliteálnej oblasti )</t>
  </si>
  <si>
    <t>240 ks</t>
  </si>
  <si>
    <t>Renálne stenty</t>
  </si>
  <si>
    <t>Sortiment položky č. 1 - Renálne stenty</t>
  </si>
  <si>
    <t>Časť č. 22 - Renálne stenty</t>
  </si>
  <si>
    <t>40 ks</t>
  </si>
  <si>
    <t>Časť č. 23 - Venózne stenty</t>
  </si>
  <si>
    <t>Venózne stenty</t>
  </si>
  <si>
    <t>Sortiment položky č. 1 - Venózne stenty</t>
  </si>
  <si>
    <t xml:space="preserve">Časť č. 24 -  DES samo-expandibilné stenty </t>
  </si>
  <si>
    <t xml:space="preserve">DES samo-expandibilné stenty </t>
  </si>
  <si>
    <t xml:space="preserve">Sortiment položky č. 1 - DES samo-expandibilné stenty </t>
  </si>
  <si>
    <t>600 ks</t>
  </si>
  <si>
    <t>Časť č. 25 -  Balón-expandovateľné infrainguinálne DES stenty</t>
  </si>
  <si>
    <t xml:space="preserve">Balón-expandovateľné infrainguinálne DES stenty </t>
  </si>
  <si>
    <t xml:space="preserve">Sortiment položky č. 1 - Balón-expandovateľné infrainguinálne DES stenty </t>
  </si>
  <si>
    <t xml:space="preserve">Časť č. 26 -  Periférne cievne stentgrafty samo-expandibilné </t>
  </si>
  <si>
    <t>Periférne cievne stentgrafty samo-expandibilné, typ 1</t>
  </si>
  <si>
    <t>Periférne cievne stentgrafty samo-expandibilné, typ 2</t>
  </si>
  <si>
    <t>Sortiment položky č. 1 - Periférne cievne stentgrafty samo-expandibilné, typ 1</t>
  </si>
  <si>
    <t xml:space="preserve">Sortiment položky č. 2 - Periférne cievne stentgrafty samo-expandibilné, typ 2  </t>
  </si>
  <si>
    <t>Časť č. 27 - Periférne cievne stentgrafty balón-expandibilné</t>
  </si>
  <si>
    <t>Periférne cievne stentgrafty balón-expandibilné</t>
  </si>
  <si>
    <t>Sortiment položky č. 1 - Periférne cievne stentgrafty balón-expandibilné</t>
  </si>
  <si>
    <t>Časť č. 28 -  Revaskularizačný trombektomický aspiračný katéter</t>
  </si>
  <si>
    <t>Revaskularizačný trombektomický aspiračný katéter</t>
  </si>
  <si>
    <t>Sortiment položky č. 1 - Revaskularizačný trombektomický aspiračný katéter</t>
  </si>
  <si>
    <t>120 ks</t>
  </si>
  <si>
    <t>Časť č. 29 - Revaskularizačný trombolytický katéter</t>
  </si>
  <si>
    <t>Revaskularizačný trombolytický katéter</t>
  </si>
  <si>
    <t>Sortiment položky č. 1 - Revaskularizačný trombolytický katéter</t>
  </si>
  <si>
    <t>Časť č. 30 -  Súturový uzatvárací systém</t>
  </si>
  <si>
    <t xml:space="preserve">Cievne uzávery </t>
  </si>
  <si>
    <t xml:space="preserve">Sortiment položky č. 1 - Cievne uzávery </t>
  </si>
  <si>
    <t>2 000 ks</t>
  </si>
  <si>
    <t>Časť č. 31 - Cievne oklúdery</t>
  </si>
  <si>
    <t xml:space="preserve">Cievne oklúdery </t>
  </si>
  <si>
    <t xml:space="preserve">Sortiment položky č. 1 - Cievne oklúdery </t>
  </si>
  <si>
    <t>Časť č. 32 - Embolizačný materiál a katétre</t>
  </si>
  <si>
    <t xml:space="preserve">Pevný uvoľňovaný embolizačný materiál – coily </t>
  </si>
  <si>
    <t xml:space="preserve">Detacher – uvolňovač coilov </t>
  </si>
  <si>
    <t>Mikrokatétre</t>
  </si>
  <si>
    <t>Tekutý embolizačný materiál</t>
  </si>
  <si>
    <t>Mikrokatétre na tekutý embolizačný materiál</t>
  </si>
  <si>
    <t xml:space="preserve">Sortiment položky č. 1 - Pevný uvoľňovaný embolizačný materiál – coily </t>
  </si>
  <si>
    <t xml:space="preserve">Sortiment položky č. 2 - Detacher – uvolňovač coilov </t>
  </si>
  <si>
    <t>Sortiment položky č. 3 - Mikrokatétre</t>
  </si>
  <si>
    <t>Sortiment položky č. 4 - Tekutý embolizačný materiál</t>
  </si>
  <si>
    <t>Sortiment položky č. 5 - Mikrokatétre na tekutý embolizačný materiál</t>
  </si>
  <si>
    <t>60 ks</t>
  </si>
  <si>
    <t>16 ks</t>
  </si>
  <si>
    <t>Časť č. 33 - Pevný embolizačný materiál</t>
  </si>
  <si>
    <t xml:space="preserve">Nefixované coily </t>
  </si>
  <si>
    <t>Fixované (odpojiteľné) coily</t>
  </si>
  <si>
    <t>Fixované (detachable) coily s vnútornou vrstvou hydrofílneho polyméru</t>
  </si>
  <si>
    <t>Regulátor odpájania (detacher)</t>
  </si>
  <si>
    <t xml:space="preserve">Embolizačné mikročastice </t>
  </si>
  <si>
    <t xml:space="preserve">Sortiment položky č. 1 - Nefixované coily </t>
  </si>
  <si>
    <t>Sortiment položky č. 2 - Fixované (odpojiteľné) coily</t>
  </si>
  <si>
    <t>Sortiment položky č. 3 - Fixované (detachable) coily s vnútornou vrstvou hydrofílneho polyméru</t>
  </si>
  <si>
    <t>Sortiment položky č. 4 - Regulátor odpájania (detacher)</t>
  </si>
  <si>
    <t xml:space="preserve">Sortiment položky č. 5 - Embolizačné mikročastice </t>
  </si>
  <si>
    <t>480 ks</t>
  </si>
  <si>
    <t>Časť č. 34 - Kaválne filtre</t>
  </si>
  <si>
    <t>Kaválny filter</t>
  </si>
  <si>
    <t>Kaválny extraktor</t>
  </si>
  <si>
    <t>Sortiment položky č. 1 - Kaválny filter</t>
  </si>
  <si>
    <t>Sortiment položky č. 2 - Kaválny extraktor</t>
  </si>
  <si>
    <t>48 ks</t>
  </si>
  <si>
    <t>24 ks</t>
  </si>
  <si>
    <t xml:space="preserve">Časť č. 35 - Aterektomický systém </t>
  </si>
  <si>
    <t>Aterektomické katétrové systémy</t>
  </si>
  <si>
    <t>Kompatibilná pohonná jednotka</t>
  </si>
  <si>
    <t>Sortiment položky č. 1 - Aterektomické katétrové systémy</t>
  </si>
  <si>
    <t>Sortiment položky č. 2 - Kompatibilná pohonná jednotka</t>
  </si>
  <si>
    <t>Časť č. 36 -  Kombinovaný aterektomicko-trombektomický systém</t>
  </si>
  <si>
    <t>Sortiment položky č. 1 - Aterektomicko-trombektomické katétre kompatibilné so zdrojovou jednotkou  – konzolou aterektomického systému s aktívnou aspiráciou</t>
  </si>
  <si>
    <t>Kompatibilné vodiče k aterektomicko-trombektomickým katétrom</t>
  </si>
  <si>
    <t>Aterektomicko-trombektomické katétre kompatibilné so zdrojovou jednotkou  – konzolou aterektomického systému s aktívnou aspiráciou</t>
  </si>
  <si>
    <t>Sortiment položky č. 2 - Kompatibilné vodiče k aterektomicko-trombektomickým katétrom</t>
  </si>
  <si>
    <t>Časť č. 37 - Hybridný aterektomický systém</t>
  </si>
  <si>
    <t>Aterektomický katéter</t>
  </si>
  <si>
    <t xml:space="preserve">Kompatibilný 0.014´´ vodič </t>
  </si>
  <si>
    <t>Sortiment položky č. 1 - Aterektomický katéter</t>
  </si>
  <si>
    <t xml:space="preserve">Sortiment položky č. 2 - Kompatibilný 0.014´´ vodič </t>
  </si>
  <si>
    <t>Časť č. 38 - Mechanická trombektómia</t>
  </si>
  <si>
    <t xml:space="preserve">Trombektomický katéter typ č. 1 </t>
  </si>
  <si>
    <t>Trombektomický katéter typ č. 2</t>
  </si>
  <si>
    <t>Dočasný periprocedurálny kaválny filter</t>
  </si>
  <si>
    <t xml:space="preserve">Sortiment položky č. 1 - Trombektomický katéter typ č. 1 </t>
  </si>
  <si>
    <t>Sortiment položky č. 2 - Trombektomický katéter typ č. 2</t>
  </si>
  <si>
    <t>Sortiment položky č. 3 - Dočasný periprocedurálny kaválny filter</t>
  </si>
  <si>
    <t>Časť č. 39 - Intravaskulárna litotripsia</t>
  </si>
  <si>
    <t>Intravaskulárne litotriptické katétre</t>
  </si>
  <si>
    <t>Sortiment položky č. 1 - Intravaskulárne litotriptické katétre</t>
  </si>
  <si>
    <t>260 ks</t>
  </si>
  <si>
    <t>Časť č. 40 - EKOS katétre</t>
  </si>
  <si>
    <t>EKOS katétre</t>
  </si>
  <si>
    <t>Sortiment položky č. 1 - EKOS katétre</t>
  </si>
  <si>
    <t>Časť č. 41 - RDN - Renálna denervácia</t>
  </si>
  <si>
    <t>Súprava katétrov na renálnu denerváciu</t>
  </si>
  <si>
    <t>Sortiment položky č. 1 - Súprava katétrov na renálnu denerváciu</t>
  </si>
  <si>
    <t>28 ks</t>
  </si>
  <si>
    <t>Časť č. 42 - Re-entry katéter</t>
  </si>
  <si>
    <t>Re-entry katéter</t>
  </si>
  <si>
    <t>Sortiment položky č. 1 - Re-entry katéter</t>
  </si>
  <si>
    <t>Časť č. 43 - Štandardné aortálne stentgrafty a príslušenstvo</t>
  </si>
  <si>
    <t>Hrudný stentgraft</t>
  </si>
  <si>
    <t>Brušný stentgraft – bifurkačný  (telo brušného stentgraftu)</t>
  </si>
  <si>
    <t>Brušný stentgraft - predĺžovacie nožičky (kontralaterálne extenzie)</t>
  </si>
  <si>
    <t>Brušný stentgraft – predĺžovacie nožičky (pánvové extenzie)</t>
  </si>
  <si>
    <t>Brušný stentgraft - brušná extenzia</t>
  </si>
  <si>
    <t>Brušný stentgraft – aortálny tubus</t>
  </si>
  <si>
    <t xml:space="preserve">Brušný stentgraft - Aorto-Uni-Iliakálny stentgraft (AUI) </t>
  </si>
  <si>
    <t>Fixačný systém na hrudný a brušný stentgraft</t>
  </si>
  <si>
    <t>Zavádzače</t>
  </si>
  <si>
    <t>PTA balón</t>
  </si>
  <si>
    <t>Sortiment položky č. 1 - Hrudný stentgraft</t>
  </si>
  <si>
    <t>Sortiment položky č. 2 - Brušný stentgraft – bifurkačný  (telo brušného stentgraftu)</t>
  </si>
  <si>
    <t>Sortiment položky č. 3 - Brušný stentgraft - predĺžovacie nožičky (kontralaterálne extenzie)</t>
  </si>
  <si>
    <t>Sortiment položky č. 4 - Brušný stentgraft – predĺžovacie nožičky (pánvové extenzie)</t>
  </si>
  <si>
    <t>Sortiment položky č. 5 - Brušný stentgraft - brušná extenzia</t>
  </si>
  <si>
    <t>Sortiment položky č. 6 - Brušný stentgraft – aortálny tubus</t>
  </si>
  <si>
    <t xml:space="preserve">Sortiment položky č. 7 - Brušný stentgraft - Aorto-Uni-Iliakálny stentgraft (AUI) </t>
  </si>
  <si>
    <t>Sortiment položky č. 8 - Fixačný systém na hrudný a brušný stentgraft</t>
  </si>
  <si>
    <t>Sortiment položky č. 9 - Zavádzače</t>
  </si>
  <si>
    <t>Sortiment položky č. 10 - PTA balón</t>
  </si>
  <si>
    <t>8 ks</t>
  </si>
  <si>
    <t>4 ks</t>
  </si>
  <si>
    <t>320 ks</t>
  </si>
  <si>
    <t>280 ks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Časť č. 44 - Štandardné a neštandardné aortálne stentgrafty a príslušenstvo</t>
  </si>
  <si>
    <t>Stentgraft hrudný pre reparácie TAA dvojdielny, teleskopický, nízkoprofilový, pre veľmi úzke zavádzacie cievne riečisko - proximálna časť</t>
  </si>
  <si>
    <t>Stentgraft hrudný pre reparácie TAA dvojdielny, teleskopický, nízkoprofilový, pre veľmi úzke zavádzacie cievne riečisko - distálna časť</t>
  </si>
  <si>
    <t>Stentgraft brušný pre reparácie AAA, trojdielny, nízkoprofilový, pre veľmi úzke zavádzacie cievne riečisko a krátky krčok aneuryzmy – bifurkovaná časť</t>
  </si>
  <si>
    <t>Stentgraft brušný pre reparácie AAA, trojdielny, nízkoprofilový, pre veľmi úzke zavádzacie cievne riečisko a krátky krčok aneuryzmy – tubulárna časť</t>
  </si>
  <si>
    <t>Stentgraft brušný pre reparácie AAA, trojdielny, pre veľmi angulovaný kŕčok aneuryzmy, s oceľovým Z stentom – bifurkačný</t>
  </si>
  <si>
    <t>Stentgraft brušný bifurkačný „ iliac branch “ s odstupom pre pokračujúcu brušnú aneuryzmu spoločnej ilickej a externej ilickej tepny</t>
  </si>
  <si>
    <t>Stentgraft hrudný tubulárny pre reparácie B - disekcií aorty</t>
  </si>
  <si>
    <t>Stent aortálny pre reparácie B – disekcií</t>
  </si>
  <si>
    <t>Stentgraft aortálny tubulárny proximálny pre juxtarenálne  a / alebo thorako - abdominálne aneuryzmy</t>
  </si>
  <si>
    <t>Stentgraft aortálny bifurkačný distálny pre reparácie juxtarenálnych a thorako - abdominálnych aneuryziem</t>
  </si>
  <si>
    <t>Stent do žilného riečiska</t>
  </si>
  <si>
    <t>Zavádzač štandardný bez ihly a vodiča röntgenkontrastná špička</t>
  </si>
  <si>
    <t>Extraveľký zavádzač, pre aortálne intervencie</t>
  </si>
  <si>
    <t>Zavádzač špeciálny vystužený oceľovým koilom pre vodič 0,038 inch.</t>
  </si>
  <si>
    <t>Zavádzač vodiaci vystužený oceľovým koilom 90 cm</t>
  </si>
  <si>
    <t>Zavádzač vodiaci vystužený oceľovým koilom 55 cm</t>
  </si>
  <si>
    <t>Zavádzač vodiaci vystužený oceľovým koilom pre vodič 0,035 inch.</t>
  </si>
  <si>
    <t>Zavádzač vodiaci vystužený oceľovým koilom 40 cm hydrofilný</t>
  </si>
  <si>
    <t>Hydrofilné  vodiče</t>
  </si>
  <si>
    <t>Vodič extra tuhý 0,035 inch.</t>
  </si>
  <si>
    <t>Vaskulárny extraktor aortálny</t>
  </si>
  <si>
    <t>Vaskulárny extraktor periférny</t>
  </si>
  <si>
    <t>Sortiment položky č. 1 - Stentgraft hrudný pre reparácie TAA dvojdielny, teleskopický, nízkoprofilový, pre veľmi úzke zavádzacie cievne riečisko - proximálna časť</t>
  </si>
  <si>
    <t>Sortiment položky č. 2 - Stentgraft hrudný pre reparácie TAA dvojdielny, teleskopický, nízkoprofilový, pre veľmi úzke zavádzacie cievne riečisko - distálna časť</t>
  </si>
  <si>
    <t>Sortiment položky č. 3 - Stentgraft brušný pre reparácie AAA, trojdielny, nízkoprofilový, pre veľmi úzke zavádzacie cievne riečisko a krátky krčok aneuryzmy – bifurkovaná časť</t>
  </si>
  <si>
    <t>Sortiment položky č. 4 - Stentgraft brušný pre reparácie AAA, trojdielny, nízkoprofilový, pre veľmi úzke zavádzacie cievne riečisko a krátky krčok aneuryzmy – tubulárna časť</t>
  </si>
  <si>
    <t>Sortiment položky č. 5 - Stentgraft brušný pre reparácie AAA, trojdielny, pre veľmi angulovaný kŕčok aneuryzmy, s oceľovým Z stentom – bifurkačný</t>
  </si>
  <si>
    <t>Sortiment položky č. 6 - Stentgraft brušný bifurkačný „ iliac branch “ s odstupom pre pokračujúcu brušnú aneuryzmu spoločnej ilickej a externej ilickej tepny</t>
  </si>
  <si>
    <t>Sortiment položky č. 7 - Stentgraft hrudný tubulárny pre reparácie B - disekcií aorty</t>
  </si>
  <si>
    <t>Sortiment položky č. 8 - Stent aortálny pre reparácie B – disekcií</t>
  </si>
  <si>
    <t>Sortiment položky č. 9 - Stentgraft aortálny tubulárny proximálny pre juxtarenálne  a / alebo thorako - abdominálne aneuryzmy</t>
  </si>
  <si>
    <t>Sortiment položky č. 10 - Stentgraft aortálny bifurkačný distálny pre reparácie juxtarenálnych a thorako - abdominálnych aneuryziem</t>
  </si>
  <si>
    <t>Sortiment položky č. 11 - Stent do žilného riečiska</t>
  </si>
  <si>
    <t>Sortiment položky č. 12 - Zavádzač štandardný bez ihly a vodiča röntgenkontrastná špička</t>
  </si>
  <si>
    <t>Sortiment položky č. 13 - Extraveľký zavádzač, pre aortálne intervencie</t>
  </si>
  <si>
    <t>Sortiment položky č. 14 - Zavádzač špeciálny vystužený oceľovým koilom pre vodič 0,038 inch.</t>
  </si>
  <si>
    <t>Sortiment položky č. 15 - Zavádzač vodiaci vystužený oceľovým koilom 90 cm</t>
  </si>
  <si>
    <t>Sortiment položky č. 16 - Zavádzač vodiaci vystužený oceľovým koilom 55 cm</t>
  </si>
  <si>
    <t>Sortiment položky č. 17 - Zavádzač vodiaci vystužený oceľovým koilom pre vodič 0,035 inch.</t>
  </si>
  <si>
    <t>Sortiment položky č. 18 - Zavádzač vodiaci vystužený oceľovým koilom 40 cm hydrofilný</t>
  </si>
  <si>
    <t>Sortiment položky č. 19 - Hydrofilné  vodiče</t>
  </si>
  <si>
    <t>Sortiment položky č. 20 - Vodič extra tuhý 0,035 inch.</t>
  </si>
  <si>
    <t>Sortiment položky č. 21 - Vaskulárny extraktor aortálny</t>
  </si>
  <si>
    <t>Sortiment položky č. 22 - Vaskulárny extraktor periférny</t>
  </si>
  <si>
    <t>80 ks</t>
  </si>
  <si>
    <t>90 ks</t>
  </si>
  <si>
    <t>Časť č. 45 - Extraktory/snare</t>
  </si>
  <si>
    <t>1-slučka</t>
  </si>
  <si>
    <t xml:space="preserve">Multi-slučka  </t>
  </si>
  <si>
    <t>Sortiment položky č. 1 - 1-slučka</t>
  </si>
  <si>
    <t xml:space="preserve">Sortiment položky č. 2 - Multi-slučka </t>
  </si>
  <si>
    <t>Časť č. 46 - Transradiál</t>
  </si>
  <si>
    <t>PTA katétre na 0.018´´ vodič (OTW)</t>
  </si>
  <si>
    <t>Podporný katéter</t>
  </si>
  <si>
    <t>Radiálne nízkoprofilové zavádzače</t>
  </si>
  <si>
    <t>Dvoj-vrstvový samo-expandibilný špeciálny stent ( micromesh )</t>
  </si>
  <si>
    <t>Mikrokatéter</t>
  </si>
  <si>
    <t>Sortiment položky č. 1 -  PTA katétre na 0.018´´ vodič (Rx)</t>
  </si>
  <si>
    <t>PTA katétre na 0.018´´ vodič (Rx)</t>
  </si>
  <si>
    <t>Sortiment položky č. 2 - PTA katétre na 0.018´´ vodič (OTW)</t>
  </si>
  <si>
    <t>Sortiment položky č. 3 - Podporný katéter</t>
  </si>
  <si>
    <t>Sortiment položky č. 4 - Radiálne nízkoprofilové zavádzače</t>
  </si>
  <si>
    <t>Sortiment položky č. 5 - Mikrokatéter</t>
  </si>
  <si>
    <t>Sortiment položky č. 6 - Dvoj-vrstvový samo-expandibilný špeciálny stent ( micromesh )</t>
  </si>
  <si>
    <t>160 ks</t>
  </si>
  <si>
    <t>5F samo-expandovateľný stent 
( BMS )</t>
  </si>
  <si>
    <t>Časť č. 47 - Špeciálne dlhé DCB balóny 0.035´´</t>
  </si>
  <si>
    <t>Špeciálne dlhé DCB balóny 0.035´´</t>
  </si>
  <si>
    <t>Sortiment položky č. 1 - Špeciálne dlhé DCB balóny 0.035´´</t>
  </si>
  <si>
    <t>Časť č. 48 - DES samo-expandovateľné stenty ( sirolimus / amphilimus )</t>
  </si>
  <si>
    <t>DES samo-expandovateľné stenty ( sirolimus )</t>
  </si>
  <si>
    <t>Sortiment položky č. 1 - DES samo-expandovateľné stenty ( sirolimus )</t>
  </si>
  <si>
    <t>Časť č. 49 - Neuro A</t>
  </si>
  <si>
    <t>Sondovacie selektívne katétre</t>
  </si>
  <si>
    <t>Intrakraniálne mikrokatétre</t>
  </si>
  <si>
    <t>Odsávací systém katétre na proximálny uzáver</t>
  </si>
  <si>
    <t>Odsávací systém katétre na distálny uzáver</t>
  </si>
  <si>
    <t>Odsávací systém - aspiračná tuba</t>
  </si>
  <si>
    <t>Odsávací systém - kanister</t>
  </si>
  <si>
    <t>8/6 F dlhý neurovaskulárny sheath</t>
  </si>
  <si>
    <t>Sortiment položky č. 1 -  Sondovacie selektívne katétre</t>
  </si>
  <si>
    <t>Sortiment položky č. 2 - Intrakraniálne mikrokatétre</t>
  </si>
  <si>
    <t>Sortiment položky č. 3 - Odsávací systém katétre na proximálny uzáver</t>
  </si>
  <si>
    <t>Sortiment položky č. 4 - Odsávací systém katétre na distálny uzáver</t>
  </si>
  <si>
    <t>Sortiment položky č. 5 - Odsávací systém - aspiračná tuba</t>
  </si>
  <si>
    <t>Sortiment položky č. 6 - Odsávací systém - kanister</t>
  </si>
  <si>
    <t>Sortiment položky č. 7 - 8/6 F dlhý neurovaskulárny sheath</t>
  </si>
  <si>
    <t>Časť č. 50 - Neuro E</t>
  </si>
  <si>
    <t>Odpútateľný neurovaskulárny remodelačný stent</t>
  </si>
  <si>
    <t>Odpútavací kábel</t>
  </si>
  <si>
    <t>Revaskularizačný stent</t>
  </si>
  <si>
    <t>Intrakraniálny support katéter</t>
  </si>
  <si>
    <t>Balónikový vodiaci katéter</t>
  </si>
  <si>
    <t>Tekuté neadhezívne embolizačné činidlo</t>
  </si>
  <si>
    <t>Mikrokatétre na tekuté embolizačné činidlo</t>
  </si>
  <si>
    <t>Odpútateľné intrakraniálne coily</t>
  </si>
  <si>
    <t>Odpútavač intrakraniálnych coilov</t>
  </si>
  <si>
    <t>Mikrokatétre na implantáciu coilov a stentov ( stent-retrieverov ) - typ A</t>
  </si>
  <si>
    <t>Mikrokatétre na implantáciu coilov a stentov ( stent-retrieverov ) - typ B</t>
  </si>
  <si>
    <t>Sortiment položky č. 1 - Odpútateľný neurovaskulárny remodelačný stent</t>
  </si>
  <si>
    <t>Sortiment položky č. 2 - Odpútavací kábel</t>
  </si>
  <si>
    <t>Sortiment položky č. 3 - Revaskularizačný stent</t>
  </si>
  <si>
    <t>Sortiment položky č. 4 - Intrakraniálny support katéter</t>
  </si>
  <si>
    <t>Sortiment položky č. 5 - Balónikový vodiaci katéter</t>
  </si>
  <si>
    <t>Sortiment položky č. 6 - Tekuté neadhezívne embolizačné činidlo</t>
  </si>
  <si>
    <t>Sortiment položky č. 7 - Mikrokatétre na tekuté embolizačné činidlo</t>
  </si>
  <si>
    <t>Sortiment položky č. 8 - Odpútateľné intrakraniálne coily</t>
  </si>
  <si>
    <t>Sortiment položky č. 9 - Odpútavač intrakraniálnych coilov</t>
  </si>
  <si>
    <t>Sortiment položky č. 10 - Mikrokatétre na implantáciu coilov a stentov ( stent-retrieverov ) - typ A</t>
  </si>
  <si>
    <t>Sortiment položky č. 11 - Mikrokatétre na implantáciu coilov a stentov ( stent-retrieverov ) - typ B</t>
  </si>
  <si>
    <t>10 ks</t>
  </si>
  <si>
    <t>Časť č. 51 - Neuro G</t>
  </si>
  <si>
    <t>Stent-retriever</t>
  </si>
  <si>
    <t xml:space="preserve">Intrakraniálny katéter na distálny prístup 5 F </t>
  </si>
  <si>
    <t xml:space="preserve">Intrakraniálny katéter na distálny prístup 6 F </t>
  </si>
  <si>
    <t xml:space="preserve">Intrakraniálne tekuté embolizačné činidlo </t>
  </si>
  <si>
    <t>Sortiment položky č. 1 - Stent-retriever</t>
  </si>
  <si>
    <t xml:space="preserve">Sortiment položky č. 2 - Intrakraniálny katéter na distálny prístup 5 F </t>
  </si>
  <si>
    <t xml:space="preserve">Sortiment položky č. 3 - Intrakraniálny katéter na distálny prístup 6 F </t>
  </si>
  <si>
    <t>Sortiment položky č. 4 - Mikrokatéter</t>
  </si>
  <si>
    <t xml:space="preserve">Sortiment položky č. 5 - Intrakraniálne tekuté embolizačné činidlo </t>
  </si>
  <si>
    <t>180 ks</t>
  </si>
  <si>
    <t>30 ks</t>
  </si>
  <si>
    <t>Časť č. 52 - ŠZM prevažne na akútne neurointervencie, vrátane stentového systému s PTA balónikovým systémom</t>
  </si>
  <si>
    <t>Neurointervenčné vodiče</t>
  </si>
  <si>
    <t>Distálne mikrokatétre</t>
  </si>
  <si>
    <t>Balónkový guide katéter</t>
  </si>
  <si>
    <t>Nebalónkový guide katéter</t>
  </si>
  <si>
    <t xml:space="preserve">Intrakraniálny stentový systém </t>
  </si>
  <si>
    <t>Intrakraniálny PTA balónikový katéter</t>
  </si>
  <si>
    <t>Sortiment položky č. 1 -  Neurointervenčné vodiče</t>
  </si>
  <si>
    <t>Sortiment položky č. 2 - Distálne mikrokatétre</t>
  </si>
  <si>
    <t>Sortiment položky č. 3 - Balónkový guide katéter</t>
  </si>
  <si>
    <t>Sortiment položky č. 4 - Nebalónkový guide katéter</t>
  </si>
  <si>
    <t xml:space="preserve">Sortiment položky č. 5 - Intrakraniálny stentový systém </t>
  </si>
  <si>
    <t>Sortiment položky č. 6 - Intrakraniálny PTA balónikový katéter</t>
  </si>
  <si>
    <t>Časť č. 53 - Neuro P</t>
  </si>
  <si>
    <t>Tromboembolický extraktor</t>
  </si>
  <si>
    <t>Tromboembolický extraktor špeciálne na M3 úsek</t>
  </si>
  <si>
    <t>Špeciálne neurointervenčné vodiče 0.014´´ koncepcie s CoCr špičkou</t>
  </si>
  <si>
    <t>Špeciálne neurointervenčné vodiče veľkosti 0.008´´, 0.010´´a 0.014´´</t>
  </si>
  <si>
    <t>Špeciálne neurointervenčné vodiče - soft tip vodiče 0.014´´</t>
  </si>
  <si>
    <t xml:space="preserve">Špeciálne neurointervenčné vodiče - soft tip vodiče 0.018´´ </t>
  </si>
  <si>
    <t>Sortiment položky č. 1 -  Tromboembolický extraktor</t>
  </si>
  <si>
    <t>Sortiment položky č. 2 - Tromboembolický extraktor špeciálne na M3 úsek</t>
  </si>
  <si>
    <t>Sortiment položky č. 3 - Špeciálne neurointervenčné vodiče 0.014´´ koncepcie s CoCr špičkou</t>
  </si>
  <si>
    <t>Sortiment položky č. 4 - Špeciálne neurointervenčné vodiče veľkosti 0.008´´, 0.010´´a 0.014´´</t>
  </si>
  <si>
    <t>Sortiment položky č. 5 - Špeciálne neurointervenčné vodiče - soft tip vodiče 0.014´´</t>
  </si>
  <si>
    <t xml:space="preserve">Sortiment položky č. 6 - Špeciálne neurointervenčné vodiče - soft tip vodiče 0.018´´ </t>
  </si>
  <si>
    <t>Časť č. 54 - Dvoj-stent karotídy</t>
  </si>
  <si>
    <t>Closed cell flexibílny stent</t>
  </si>
  <si>
    <t>Sortiment položky č. 1 - Closed cell flexibílny stent</t>
  </si>
  <si>
    <t>Časť č. 55 - Nepovlečené stenty ( BMS ) pre perkutánne rádiologické intervencie - karotické ( closed cell dizajn )</t>
  </si>
  <si>
    <t>Karotické stenty (closed cell dizajn)</t>
  </si>
  <si>
    <t>Sortiment položky č. 1 - Karotické stenty (closed cell dizajn)</t>
  </si>
  <si>
    <t>Časť č. 56 - Ochrana pred embolizáciou pri perkutánnych rádiologických intervenciách - emboloprotekcia (EPD - embolic protection device) - periférna</t>
  </si>
  <si>
    <t xml:space="preserve">Závislý filter na vodiči </t>
  </si>
  <si>
    <t xml:space="preserve">Sortiment položky č. 1 - Závislý filter na vodiči </t>
  </si>
  <si>
    <t>Časť č. 57 - Ochrana pred embolizáciou pri perkutánnych rádiologických intervenciách - emboloprotekcia (EPD - embolic protection device) - karotická    (skupiny č. 1)</t>
  </si>
  <si>
    <t xml:space="preserve">Nezávislý pohyblivý emboloprotekčný filter </t>
  </si>
  <si>
    <t xml:space="preserve">Sortiment položky č. 1 - Nezávislý pohyblivý emboloprotekčný filter </t>
  </si>
  <si>
    <t>Časť č. 58 - Ochrana pred embolizáciou pri perkutánnych rádiologických intervenciách - emboloprotekcia (EPD - embolic protection device) - periférna   (skupiny č. 2)</t>
  </si>
  <si>
    <t>Proximálna balóniková emboloprotekcia</t>
  </si>
  <si>
    <t>Sortiment položky č. 1 - Proximálna balóniková emboloprotekcia</t>
  </si>
  <si>
    <t xml:space="preserve">Časť č. 59 - Katéter elektrofyziologický dekapolárny a viacpolárny   </t>
  </si>
  <si>
    <t>Zavádzač s flexibilným koncom</t>
  </si>
  <si>
    <t>Sortiment položky č. 1 - Zavádzač s flexibilným koncom</t>
  </si>
  <si>
    <t>Časť č. 60 - Vodiče a mikrovodiče pre angiografie a perkutánne rádiologické intervencie špeciálne</t>
  </si>
  <si>
    <t>Vodič 0,014´´</t>
  </si>
  <si>
    <t>Vodič 0,035´´</t>
  </si>
  <si>
    <t>Sortiment položky č. 1 - Vodič 0,014´´</t>
  </si>
  <si>
    <t>Sortiment položky č. 2 - Vodič 0,035´´</t>
  </si>
  <si>
    <t>1 200 ks</t>
  </si>
  <si>
    <t>Samoexpandovateľné stenty</t>
  </si>
  <si>
    <t>Support katétre</t>
  </si>
  <si>
    <t>Vodiče na intervenciu 4 F konceptu 0.018 ´</t>
  </si>
  <si>
    <t xml:space="preserve">Zavádzač na koncept 4 F – crossover intervenciu </t>
  </si>
  <si>
    <t>PTA balónikové katétre 4F konceptu</t>
  </si>
  <si>
    <t>DCB PTA balónikové katétre 4 F konceptu</t>
  </si>
  <si>
    <t>Časť č. 61 - ŠZM na 4F kompatibilnú intervenciu periférnych tepien</t>
  </si>
  <si>
    <t>Sortiment položky č. 1 -  Samoexpandovateľné stenty</t>
  </si>
  <si>
    <t>Sortiment položky č. 2 - Support katétre</t>
  </si>
  <si>
    <t>Sortiment položky č. 3 - Vodiče na intervenciu 4 F konceptu 0.018 ´</t>
  </si>
  <si>
    <t xml:space="preserve">Sortiment položky č. 4 - Zavádzač na koncept 4 F – crossover intervenciu </t>
  </si>
  <si>
    <t>Sortiment položky č. 5 - PTA balónikové katétre 4F konceptu</t>
  </si>
  <si>
    <t>Sortiment položky č. 6 - DCB PTA balónikové katétre 4 F konceptu</t>
  </si>
  <si>
    <t>400 ks</t>
  </si>
  <si>
    <t>360 ks</t>
  </si>
  <si>
    <t>11 820 ks</t>
  </si>
  <si>
    <t>3 640 ks</t>
  </si>
  <si>
    <t>6 040 ks</t>
  </si>
  <si>
    <t>84 ks</t>
  </si>
  <si>
    <t>220 ks</t>
  </si>
  <si>
    <t>13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i/>
      <sz val="8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theme="8" tint="-0.24994659260841701"/>
      </left>
      <right style="thick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9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165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165" fontId="2" fillId="0" borderId="34" xfId="0" applyNumberFormat="1" applyFont="1" applyBorder="1" applyAlignment="1" applyProtection="1">
      <alignment horizontal="right" vertical="center" wrapText="1"/>
      <protection locked="0"/>
    </xf>
    <xf numFmtId="9" fontId="2" fillId="0" borderId="35" xfId="0" applyNumberFormat="1" applyFont="1" applyBorder="1" applyAlignment="1" applyProtection="1">
      <alignment horizontal="right" vertical="center" wrapText="1"/>
      <protection locked="0"/>
    </xf>
    <xf numFmtId="0" fontId="2" fillId="0" borderId="36" xfId="0" applyFont="1" applyBorder="1" applyAlignment="1" applyProtection="1">
      <alignment horizontal="center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44" xfId="0" applyNumberFormat="1" applyFont="1" applyFill="1" applyBorder="1" applyAlignment="1" applyProtection="1">
      <alignment horizontal="right" vertical="center"/>
      <protection locked="0"/>
    </xf>
    <xf numFmtId="0" fontId="16" fillId="2" borderId="3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0" fontId="16" fillId="2" borderId="32" xfId="0" applyFont="1" applyFill="1" applyBorder="1" applyAlignment="1" applyProtection="1">
      <alignment horizontal="center" vertical="top" wrapText="1"/>
      <protection locked="0"/>
    </xf>
    <xf numFmtId="0" fontId="16" fillId="2" borderId="3" xfId="0" applyFont="1" applyFill="1" applyBorder="1" applyAlignment="1" applyProtection="1">
      <alignment horizontal="center" vertical="top" wrapText="1"/>
      <protection locked="0"/>
    </xf>
    <xf numFmtId="0" fontId="16" fillId="2" borderId="8" xfId="0" applyFont="1" applyFill="1" applyBorder="1" applyAlignment="1" applyProtection="1">
      <alignment horizontal="center" vertical="top" wrapText="1"/>
      <protection locked="0"/>
    </xf>
    <xf numFmtId="0" fontId="16" fillId="2" borderId="8" xfId="0" applyFont="1" applyFill="1" applyBorder="1" applyAlignment="1" applyProtection="1">
      <alignment horizontal="center" vertical="center" wrapText="1"/>
      <protection locked="0"/>
    </xf>
    <xf numFmtId="0" fontId="16" fillId="2" borderId="9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42" xfId="0" applyFont="1" applyFill="1" applyBorder="1" applyAlignment="1" applyProtection="1">
      <alignment horizontal="center" vertical="top" wrapText="1"/>
      <protection locked="0"/>
    </xf>
    <xf numFmtId="0" fontId="16" fillId="0" borderId="0" xfId="0" applyFont="1" applyFill="1" applyAlignment="1" applyProtection="1">
      <alignment horizontal="center" vertical="center" wrapText="1"/>
      <protection locked="0"/>
    </xf>
    <xf numFmtId="0" fontId="18" fillId="0" borderId="0" xfId="0" applyFont="1" applyFill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0" fontId="16" fillId="2" borderId="45" xfId="0" applyFont="1" applyFill="1" applyBorder="1" applyAlignment="1" applyProtection="1">
      <alignment horizontal="center" vertical="top" wrapText="1"/>
      <protection locked="0"/>
    </xf>
    <xf numFmtId="0" fontId="16" fillId="2" borderId="45" xfId="0" applyFont="1" applyFill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16" fillId="2" borderId="19" xfId="0" applyFont="1" applyFill="1" applyBorder="1" applyAlignment="1" applyProtection="1">
      <alignment horizontal="center" vertical="center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0" fontId="16" fillId="0" borderId="0" xfId="0" applyFont="1" applyFill="1" applyBorder="1" applyAlignment="1" applyProtection="1">
      <alignment horizontal="center" vertical="center" wrapText="1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3" fontId="5" fillId="0" borderId="21" xfId="0" applyNumberFormat="1" applyFont="1" applyFill="1" applyBorder="1" applyAlignment="1">
      <alignment horizontal="center" vertical="center" wrapText="1"/>
    </xf>
    <xf numFmtId="0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15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49" fontId="15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1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2" fillId="0" borderId="43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4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21" xfId="0" applyNumberFormat="1" applyFont="1" applyFill="1" applyBorder="1" applyAlignment="1" applyProtection="1">
      <alignment horizontal="center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49" fontId="15" fillId="0" borderId="0" xfId="0" applyNumberFormat="1" applyFont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36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61" Type="http://schemas.openxmlformats.org/officeDocument/2006/relationships/worksheet" Target="worksheets/sheet6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4"/>
  <sheetViews>
    <sheetView showGridLines="0" tabSelected="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1"/>
      <c r="B4" s="121"/>
      <c r="C4" s="121"/>
      <c r="D4" s="121"/>
      <c r="E4" s="121"/>
      <c r="F4" s="121"/>
      <c r="G4" s="121"/>
      <c r="H4" s="121"/>
      <c r="I4" s="121"/>
      <c r="J4" s="121"/>
      <c r="K4" s="121"/>
      <c r="L4" s="121"/>
    </row>
    <row r="5" spans="1:62" ht="24.95" customHeight="1" x14ac:dyDescent="0.2">
      <c r="A5" s="147" t="s">
        <v>4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77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78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49</v>
      </c>
      <c r="C9" s="114" t="s">
        <v>46</v>
      </c>
      <c r="D9" s="119">
        <v>74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50</v>
      </c>
      <c r="C10" s="114" t="s">
        <v>46</v>
      </c>
      <c r="D10" s="119">
        <v>3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52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54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55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56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41"/>
      <c r="D29" s="141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40"/>
      <c r="D30" s="14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40"/>
      <c r="D31" s="14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41"/>
      <c r="D33" s="141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40"/>
      <c r="D34" s="140"/>
      <c r="E34" s="20"/>
      <c r="F34" s="17"/>
      <c r="G34" s="27" t="s">
        <v>20</v>
      </c>
      <c r="H34" s="151"/>
      <c r="I34" s="151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40"/>
      <c r="D35" s="14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52"/>
      <c r="I36" s="152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50"/>
      <c r="I37" s="150"/>
    </row>
    <row r="38" spans="1:13" s="13" customFormat="1" ht="20.100000000000001" customHeight="1" x14ac:dyDescent="0.2">
      <c r="A38" s="10" t="s">
        <v>2</v>
      </c>
      <c r="B38" s="140"/>
      <c r="C38" s="14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49"/>
      <c r="C39" s="149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48" t="s">
        <v>10</v>
      </c>
      <c r="B42" s="148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A3:L3"/>
    <mergeCell ref="A42:B42"/>
    <mergeCell ref="B38:C38"/>
    <mergeCell ref="B39:C39"/>
    <mergeCell ref="H37:I37"/>
    <mergeCell ref="H34:I34"/>
    <mergeCell ref="H36:I36"/>
    <mergeCell ref="C33:D33"/>
    <mergeCell ref="C34:D34"/>
    <mergeCell ref="C35:D35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K13:K14"/>
    <mergeCell ref="L13:M13"/>
    <mergeCell ref="K16:K18"/>
    <mergeCell ref="A1:M1"/>
    <mergeCell ref="H13:J13"/>
    <mergeCell ref="A12:K12"/>
    <mergeCell ref="C31:D31"/>
    <mergeCell ref="A13:A14"/>
    <mergeCell ref="B13:B14"/>
    <mergeCell ref="C13:C14"/>
    <mergeCell ref="D13:D14"/>
    <mergeCell ref="E13:E14"/>
    <mergeCell ref="F13:F14"/>
    <mergeCell ref="G13:G14"/>
    <mergeCell ref="C29:D29"/>
    <mergeCell ref="C30:D30"/>
    <mergeCell ref="A20:K20"/>
    <mergeCell ref="A21:A22"/>
    <mergeCell ref="B21:B22"/>
    <mergeCell ref="H21:J21"/>
    <mergeCell ref="K21:K22"/>
    <mergeCell ref="L21:M21"/>
    <mergeCell ref="K24:K26"/>
    <mergeCell ref="C21:C22"/>
    <mergeCell ref="D21:D22"/>
    <mergeCell ref="E21:E22"/>
    <mergeCell ref="F21:F22"/>
    <mergeCell ref="G21:G22"/>
  </mergeCells>
  <conditionalFormatting sqref="B38:C38">
    <cfRule type="containsBlanks" dxfId="365" priority="21">
      <formula>LEN(TRIM(B38))=0</formula>
    </cfRule>
  </conditionalFormatting>
  <conditionalFormatting sqref="B39:C39">
    <cfRule type="containsBlanks" dxfId="364" priority="20">
      <formula>LEN(TRIM(B39))=0</formula>
    </cfRule>
  </conditionalFormatting>
  <conditionalFormatting sqref="H36:I36">
    <cfRule type="containsBlanks" dxfId="363" priority="7">
      <formula>LEN(TRIM(H36))=0</formula>
    </cfRule>
  </conditionalFormatting>
  <conditionalFormatting sqref="H37:I37">
    <cfRule type="containsBlanks" dxfId="362" priority="6">
      <formula>LEN(TRIM(H37))=0</formula>
    </cfRule>
  </conditionalFormatting>
  <conditionalFormatting sqref="C29:D31">
    <cfRule type="containsBlanks" dxfId="361" priority="2">
      <formula>LEN(TRIM(C29))=0</formula>
    </cfRule>
  </conditionalFormatting>
  <conditionalFormatting sqref="C33:D35">
    <cfRule type="containsBlanks" dxfId="360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23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24</v>
      </c>
      <c r="C9" s="114" t="s">
        <v>46</v>
      </c>
      <c r="D9" s="119">
        <v>8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25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71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311" priority="6">
      <formula>LEN(TRIM(B28))=0</formula>
    </cfRule>
  </conditionalFormatting>
  <conditionalFormatting sqref="B29:C29">
    <cfRule type="containsBlanks" dxfId="310" priority="5">
      <formula>LEN(TRIM(B29))=0</formula>
    </cfRule>
  </conditionalFormatting>
  <conditionalFormatting sqref="H26:I26">
    <cfRule type="containsBlanks" dxfId="309" priority="4">
      <formula>LEN(TRIM(H26))=0</formula>
    </cfRule>
  </conditionalFormatting>
  <conditionalFormatting sqref="H27:I27">
    <cfRule type="containsBlanks" dxfId="308" priority="3">
      <formula>LEN(TRIM(H27))=0</formula>
    </cfRule>
  </conditionalFormatting>
  <conditionalFormatting sqref="C19:D21">
    <cfRule type="containsBlanks" dxfId="307" priority="2">
      <formula>LEN(TRIM(C19))=0</formula>
    </cfRule>
  </conditionalFormatting>
  <conditionalFormatting sqref="C23:D25">
    <cfRule type="containsBlanks" dxfId="30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26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27</v>
      </c>
      <c r="C9" s="114" t="s">
        <v>46</v>
      </c>
      <c r="D9" s="119">
        <v>3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28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56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305" priority="6">
      <formula>LEN(TRIM(B28))=0</formula>
    </cfRule>
  </conditionalFormatting>
  <conditionalFormatting sqref="B29:C29">
    <cfRule type="containsBlanks" dxfId="304" priority="5">
      <formula>LEN(TRIM(B29))=0</formula>
    </cfRule>
  </conditionalFormatting>
  <conditionalFormatting sqref="H26:I26">
    <cfRule type="containsBlanks" dxfId="303" priority="4">
      <formula>LEN(TRIM(H26))=0</formula>
    </cfRule>
  </conditionalFormatting>
  <conditionalFormatting sqref="H27:I27">
    <cfRule type="containsBlanks" dxfId="302" priority="3">
      <formula>LEN(TRIM(H27))=0</formula>
    </cfRule>
  </conditionalFormatting>
  <conditionalFormatting sqref="C19:D21">
    <cfRule type="containsBlanks" dxfId="301" priority="2">
      <formula>LEN(TRIM(C19))=0</formula>
    </cfRule>
  </conditionalFormatting>
  <conditionalFormatting sqref="C23:D25">
    <cfRule type="containsBlanks" dxfId="30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30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31</v>
      </c>
      <c r="C9" s="114" t="s">
        <v>46</v>
      </c>
      <c r="D9" s="119">
        <v>1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32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33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99" priority="6">
      <formula>LEN(TRIM(B28))=0</formula>
    </cfRule>
  </conditionalFormatting>
  <conditionalFormatting sqref="B29:C29">
    <cfRule type="containsBlanks" dxfId="298" priority="5">
      <formula>LEN(TRIM(B29))=0</formula>
    </cfRule>
  </conditionalFormatting>
  <conditionalFormatting sqref="H26:I26">
    <cfRule type="containsBlanks" dxfId="297" priority="4">
      <formula>LEN(TRIM(H26))=0</formula>
    </cfRule>
  </conditionalFormatting>
  <conditionalFormatting sqref="H27:I27">
    <cfRule type="containsBlanks" dxfId="296" priority="3">
      <formula>LEN(TRIM(H27))=0</formula>
    </cfRule>
  </conditionalFormatting>
  <conditionalFormatting sqref="C19:D21">
    <cfRule type="containsBlanks" dxfId="295" priority="2">
      <formula>LEN(TRIM(C19))=0</formula>
    </cfRule>
  </conditionalFormatting>
  <conditionalFormatting sqref="C23:D25">
    <cfRule type="containsBlanks" dxfId="29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34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35</v>
      </c>
      <c r="C9" s="114" t="s">
        <v>46</v>
      </c>
      <c r="D9" s="119">
        <v>7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36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3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93" priority="6">
      <formula>LEN(TRIM(B28))=0</formula>
    </cfRule>
  </conditionalFormatting>
  <conditionalFormatting sqref="B29:C29">
    <cfRule type="containsBlanks" dxfId="292" priority="5">
      <formula>LEN(TRIM(B29))=0</formula>
    </cfRule>
  </conditionalFormatting>
  <conditionalFormatting sqref="H26:I26">
    <cfRule type="containsBlanks" dxfId="291" priority="4">
      <formula>LEN(TRIM(H26))=0</formula>
    </cfRule>
  </conditionalFormatting>
  <conditionalFormatting sqref="H27:I27">
    <cfRule type="containsBlanks" dxfId="290" priority="3">
      <formula>LEN(TRIM(H27))=0</formula>
    </cfRule>
  </conditionalFormatting>
  <conditionalFormatting sqref="C19:D21">
    <cfRule type="containsBlanks" dxfId="289" priority="2">
      <formula>LEN(TRIM(C19))=0</formula>
    </cfRule>
  </conditionalFormatting>
  <conditionalFormatting sqref="C23:D25">
    <cfRule type="containsBlanks" dxfId="288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3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39</v>
      </c>
      <c r="C9" s="114" t="s">
        <v>46</v>
      </c>
      <c r="D9" s="119">
        <v>13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40</v>
      </c>
      <c r="C10" s="114" t="s">
        <v>46</v>
      </c>
      <c r="D10" s="119">
        <v>13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141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502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142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502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41"/>
      <c r="D29" s="141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40"/>
      <c r="D30" s="14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40"/>
      <c r="D31" s="14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41"/>
      <c r="D33" s="141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40"/>
      <c r="D34" s="140"/>
      <c r="E34" s="20"/>
      <c r="F34" s="17"/>
      <c r="G34" s="27" t="s">
        <v>20</v>
      </c>
      <c r="H34" s="151"/>
      <c r="I34" s="151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40"/>
      <c r="D35" s="14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52"/>
      <c r="I36" s="152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50"/>
      <c r="I37" s="150"/>
    </row>
    <row r="38" spans="1:13" s="13" customFormat="1" ht="20.100000000000001" customHeight="1" x14ac:dyDescent="0.2">
      <c r="A38" s="10" t="s">
        <v>2</v>
      </c>
      <c r="B38" s="140"/>
      <c r="C38" s="14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49"/>
      <c r="C39" s="149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48" t="s">
        <v>10</v>
      </c>
      <c r="B42" s="148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H36:I36"/>
    <mergeCell ref="H37:I37"/>
    <mergeCell ref="B38:C38"/>
    <mergeCell ref="B39:C39"/>
    <mergeCell ref="A42:B42"/>
  </mergeCells>
  <conditionalFormatting sqref="B38:C38">
    <cfRule type="containsBlanks" dxfId="287" priority="6">
      <formula>LEN(TRIM(B38))=0</formula>
    </cfRule>
  </conditionalFormatting>
  <conditionalFormatting sqref="B39:C39">
    <cfRule type="containsBlanks" dxfId="286" priority="5">
      <formula>LEN(TRIM(B39))=0</formula>
    </cfRule>
  </conditionalFormatting>
  <conditionalFormatting sqref="H36:I36">
    <cfRule type="containsBlanks" dxfId="285" priority="4">
      <formula>LEN(TRIM(H36))=0</formula>
    </cfRule>
  </conditionalFormatting>
  <conditionalFormatting sqref="H37:I37">
    <cfRule type="containsBlanks" dxfId="284" priority="3">
      <formula>LEN(TRIM(H37))=0</formula>
    </cfRule>
  </conditionalFormatting>
  <conditionalFormatting sqref="C29:D31">
    <cfRule type="containsBlanks" dxfId="283" priority="2">
      <formula>LEN(TRIM(C29))=0</formula>
    </cfRule>
  </conditionalFormatting>
  <conditionalFormatting sqref="C33:D35">
    <cfRule type="containsBlanks" dxfId="282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43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44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45</v>
      </c>
      <c r="C10" s="114" t="s">
        <v>46</v>
      </c>
      <c r="D10" s="119">
        <v>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146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69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147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69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41"/>
      <c r="D29" s="141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40"/>
      <c r="D30" s="14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40"/>
      <c r="D31" s="14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41"/>
      <c r="D33" s="141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40"/>
      <c r="D34" s="140"/>
      <c r="E34" s="20"/>
      <c r="F34" s="17"/>
      <c r="G34" s="27" t="s">
        <v>20</v>
      </c>
      <c r="H34" s="151"/>
      <c r="I34" s="151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40"/>
      <c r="D35" s="14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52"/>
      <c r="I36" s="152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50"/>
      <c r="I37" s="150"/>
    </row>
    <row r="38" spans="1:13" s="13" customFormat="1" ht="20.100000000000001" customHeight="1" x14ac:dyDescent="0.2">
      <c r="A38" s="10" t="s">
        <v>2</v>
      </c>
      <c r="B38" s="140"/>
      <c r="C38" s="14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49"/>
      <c r="C39" s="149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48" t="s">
        <v>10</v>
      </c>
      <c r="B42" s="148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H36:I36"/>
    <mergeCell ref="H37:I37"/>
    <mergeCell ref="B38:C38"/>
    <mergeCell ref="B39:C39"/>
    <mergeCell ref="A42:B42"/>
  </mergeCells>
  <conditionalFormatting sqref="B38:C38">
    <cfRule type="containsBlanks" dxfId="281" priority="6">
      <formula>LEN(TRIM(B38))=0</formula>
    </cfRule>
  </conditionalFormatting>
  <conditionalFormatting sqref="B39:C39">
    <cfRule type="containsBlanks" dxfId="280" priority="5">
      <formula>LEN(TRIM(B39))=0</formula>
    </cfRule>
  </conditionalFormatting>
  <conditionalFormatting sqref="H36:I36">
    <cfRule type="containsBlanks" dxfId="279" priority="4">
      <formula>LEN(TRIM(H36))=0</formula>
    </cfRule>
  </conditionalFormatting>
  <conditionalFormatting sqref="H37:I37">
    <cfRule type="containsBlanks" dxfId="278" priority="3">
      <formula>LEN(TRIM(H37))=0</formula>
    </cfRule>
  </conditionalFormatting>
  <conditionalFormatting sqref="C29:D31">
    <cfRule type="containsBlanks" dxfId="277" priority="2">
      <formula>LEN(TRIM(C29))=0</formula>
    </cfRule>
  </conditionalFormatting>
  <conditionalFormatting sqref="C33:D35">
    <cfRule type="containsBlanks" dxfId="276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4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49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50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69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75" priority="6">
      <formula>LEN(TRIM(B28))=0</formula>
    </cfRule>
  </conditionalFormatting>
  <conditionalFormatting sqref="B29:C29">
    <cfRule type="containsBlanks" dxfId="274" priority="5">
      <formula>LEN(TRIM(B29))=0</formula>
    </cfRule>
  </conditionalFormatting>
  <conditionalFormatting sqref="H26:I26">
    <cfRule type="containsBlanks" dxfId="273" priority="4">
      <formula>LEN(TRIM(H26))=0</formula>
    </cfRule>
  </conditionalFormatting>
  <conditionalFormatting sqref="H27:I27">
    <cfRule type="containsBlanks" dxfId="272" priority="3">
      <formula>LEN(TRIM(H27))=0</formula>
    </cfRule>
  </conditionalFormatting>
  <conditionalFormatting sqref="C19:D21">
    <cfRule type="containsBlanks" dxfId="271" priority="2">
      <formula>LEN(TRIM(C19))=0</formula>
    </cfRule>
  </conditionalFormatting>
  <conditionalFormatting sqref="C23:D25">
    <cfRule type="containsBlanks" dxfId="27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A4" zoomScale="80" zoomScaleNormal="80" workbookViewId="0">
      <selection activeCell="B9" sqref="B9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51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374</v>
      </c>
      <c r="C9" s="114" t="s">
        <v>46</v>
      </c>
      <c r="D9" s="119">
        <v>5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52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8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C25:D25"/>
    <mergeCell ref="H24:I24"/>
    <mergeCell ref="H12:J12"/>
    <mergeCell ref="K12:K13"/>
    <mergeCell ref="L12:M12"/>
    <mergeCell ref="K15:K17"/>
    <mergeCell ref="C19:D19"/>
    <mergeCell ref="C20:D20"/>
    <mergeCell ref="C21:D21"/>
    <mergeCell ref="C23:D23"/>
    <mergeCell ref="C24:D24"/>
    <mergeCell ref="H26:I26"/>
    <mergeCell ref="H27:I27"/>
    <mergeCell ref="B28:C28"/>
    <mergeCell ref="B29:C29"/>
    <mergeCell ref="A32:B32"/>
  </mergeCells>
  <conditionalFormatting sqref="B28:C28">
    <cfRule type="containsBlanks" dxfId="269" priority="6">
      <formula>LEN(TRIM(B28))=0</formula>
    </cfRule>
  </conditionalFormatting>
  <conditionalFormatting sqref="B29:C29">
    <cfRule type="containsBlanks" dxfId="268" priority="5">
      <formula>LEN(TRIM(B29))=0</formula>
    </cfRule>
  </conditionalFormatting>
  <conditionalFormatting sqref="H26:I26">
    <cfRule type="containsBlanks" dxfId="267" priority="4">
      <formula>LEN(TRIM(H26))=0</formula>
    </cfRule>
  </conditionalFormatting>
  <conditionalFormatting sqref="H27:I27">
    <cfRule type="containsBlanks" dxfId="266" priority="3">
      <formula>LEN(TRIM(H27))=0</formula>
    </cfRule>
  </conditionalFormatting>
  <conditionalFormatting sqref="C19:D21">
    <cfRule type="containsBlanks" dxfId="265" priority="2">
      <formula>LEN(TRIM(C19))=0</formula>
    </cfRule>
  </conditionalFormatting>
  <conditionalFormatting sqref="C23:D25">
    <cfRule type="containsBlanks" dxfId="26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53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54</v>
      </c>
      <c r="C9" s="114" t="s">
        <v>46</v>
      </c>
      <c r="D9" s="119">
        <v>2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55</v>
      </c>
      <c r="C10" s="114" t="s">
        <v>46</v>
      </c>
      <c r="D10" s="119">
        <v>24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156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169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157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169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41"/>
      <c r="D29" s="141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40"/>
      <c r="D30" s="14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40"/>
      <c r="D31" s="14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41"/>
      <c r="D33" s="141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40"/>
      <c r="D34" s="140"/>
      <c r="E34" s="20"/>
      <c r="F34" s="17"/>
      <c r="G34" s="27" t="s">
        <v>20</v>
      </c>
      <c r="H34" s="151"/>
      <c r="I34" s="151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40"/>
      <c r="D35" s="14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52"/>
      <c r="I36" s="152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50"/>
      <c r="I37" s="150"/>
    </row>
    <row r="38" spans="1:13" s="13" customFormat="1" ht="20.100000000000001" customHeight="1" x14ac:dyDescent="0.2">
      <c r="A38" s="10" t="s">
        <v>2</v>
      </c>
      <c r="B38" s="140"/>
      <c r="C38" s="14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49"/>
      <c r="C39" s="149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48" t="s">
        <v>10</v>
      </c>
      <c r="B42" s="148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H36:I36"/>
    <mergeCell ref="H37:I37"/>
    <mergeCell ref="B38:C38"/>
    <mergeCell ref="B39:C39"/>
    <mergeCell ref="A42:B42"/>
  </mergeCells>
  <conditionalFormatting sqref="B38:C38">
    <cfRule type="containsBlanks" dxfId="263" priority="6">
      <formula>LEN(TRIM(B38))=0</formula>
    </cfRule>
  </conditionalFormatting>
  <conditionalFormatting sqref="B39:C39">
    <cfRule type="containsBlanks" dxfId="262" priority="5">
      <formula>LEN(TRIM(B39))=0</formula>
    </cfRule>
  </conditionalFormatting>
  <conditionalFormatting sqref="H36:I36">
    <cfRule type="containsBlanks" dxfId="261" priority="4">
      <formula>LEN(TRIM(H36))=0</formula>
    </cfRule>
  </conditionalFormatting>
  <conditionalFormatting sqref="H37:I37">
    <cfRule type="containsBlanks" dxfId="260" priority="3">
      <formula>LEN(TRIM(H37))=0</formula>
    </cfRule>
  </conditionalFormatting>
  <conditionalFormatting sqref="C29:D31">
    <cfRule type="containsBlanks" dxfId="259" priority="2">
      <formula>LEN(TRIM(C29))=0</formula>
    </cfRule>
  </conditionalFormatting>
  <conditionalFormatting sqref="C33:D35">
    <cfRule type="containsBlanks" dxfId="258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5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59</v>
      </c>
      <c r="C9" s="114" t="s">
        <v>46</v>
      </c>
      <c r="D9" s="119">
        <v>548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60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61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57" priority="6">
      <formula>LEN(TRIM(B28))=0</formula>
    </cfRule>
  </conditionalFormatting>
  <conditionalFormatting sqref="B29:C29">
    <cfRule type="containsBlanks" dxfId="256" priority="5">
      <formula>LEN(TRIM(B29))=0</formula>
    </cfRule>
  </conditionalFormatting>
  <conditionalFormatting sqref="H26:I26">
    <cfRule type="containsBlanks" dxfId="255" priority="4">
      <formula>LEN(TRIM(H26))=0</formula>
    </cfRule>
  </conditionalFormatting>
  <conditionalFormatting sqref="H27:I27">
    <cfRule type="containsBlanks" dxfId="254" priority="3">
      <formula>LEN(TRIM(H27))=0</formula>
    </cfRule>
  </conditionalFormatting>
  <conditionalFormatting sqref="C19:D21">
    <cfRule type="containsBlanks" dxfId="253" priority="2">
      <formula>LEN(TRIM(C19))=0</formula>
    </cfRule>
  </conditionalFormatting>
  <conditionalFormatting sqref="C23:D25">
    <cfRule type="containsBlanks" dxfId="25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80"/>
  <sheetViews>
    <sheetView showGridLines="0" topLeftCell="A4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1"/>
      <c r="B4" s="121"/>
      <c r="C4" s="121"/>
      <c r="D4" s="121"/>
      <c r="E4" s="121"/>
      <c r="F4" s="121"/>
      <c r="G4" s="121"/>
      <c r="H4" s="121"/>
      <c r="I4" s="121"/>
      <c r="J4" s="121"/>
      <c r="K4" s="121"/>
      <c r="L4" s="121"/>
    </row>
    <row r="5" spans="1:22" ht="24.95" customHeight="1" x14ac:dyDescent="0.2">
      <c r="A5" s="147" t="s">
        <v>57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3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2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58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59</v>
      </c>
      <c r="C10" s="114" t="s">
        <v>46</v>
      </c>
      <c r="D10" s="119">
        <v>118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60</v>
      </c>
      <c r="C11" s="114" t="s">
        <v>46</v>
      </c>
      <c r="D11" s="119">
        <v>260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61</v>
      </c>
      <c r="C12" s="114" t="s">
        <v>46</v>
      </c>
      <c r="D12" s="119">
        <v>80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129</v>
      </c>
      <c r="C13" s="114" t="s">
        <v>46</v>
      </c>
      <c r="D13" s="119">
        <v>408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thickBot="1" x14ac:dyDescent="0.3">
      <c r="A14" s="51" t="s">
        <v>16</v>
      </c>
      <c r="B14" s="52" t="s">
        <v>62</v>
      </c>
      <c r="C14" s="114" t="s">
        <v>46</v>
      </c>
      <c r="D14" s="119">
        <v>400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5" customFormat="1" ht="33" customHeight="1" thickBot="1" x14ac:dyDescent="0.3">
      <c r="A15" s="60"/>
      <c r="B15" s="61"/>
      <c r="C15" s="61"/>
      <c r="D15" s="61"/>
      <c r="E15" s="62"/>
      <c r="F15" s="62"/>
      <c r="G15" s="62"/>
      <c r="H15" s="62"/>
      <c r="I15" s="61"/>
      <c r="J15" s="61"/>
      <c r="K15" s="61"/>
      <c r="L15" s="98">
        <f>SUM(L9:L14)</f>
        <v>0</v>
      </c>
      <c r="M15" s="116">
        <f>SUM(M9:M14)</f>
        <v>0</v>
      </c>
      <c r="O15" s="63"/>
      <c r="P15" s="63"/>
    </row>
    <row r="16" spans="1:22" s="46" customFormat="1" ht="29.25" customHeight="1" x14ac:dyDescent="0.25">
      <c r="A16" s="139" t="s">
        <v>63</v>
      </c>
      <c r="B16" s="139"/>
      <c r="C16" s="139"/>
      <c r="D16" s="139"/>
      <c r="E16" s="139"/>
      <c r="F16" s="139"/>
      <c r="G16" s="139"/>
      <c r="H16" s="139"/>
      <c r="I16" s="139"/>
      <c r="J16" s="139"/>
      <c r="K16" s="139"/>
      <c r="L16" s="64"/>
      <c r="M16" s="64"/>
      <c r="N16" s="64"/>
      <c r="O16" s="64"/>
      <c r="P16" s="64"/>
    </row>
    <row r="17" spans="1:62" s="39" customFormat="1" ht="33" customHeight="1" x14ac:dyDescent="0.25">
      <c r="A17" s="128" t="s">
        <v>24</v>
      </c>
      <c r="B17" s="128" t="s">
        <v>39</v>
      </c>
      <c r="C17" s="128" t="s">
        <v>40</v>
      </c>
      <c r="D17" s="128" t="s">
        <v>30</v>
      </c>
      <c r="E17" s="128" t="s">
        <v>32</v>
      </c>
      <c r="F17" s="128" t="s">
        <v>41</v>
      </c>
      <c r="G17" s="128" t="s">
        <v>42</v>
      </c>
      <c r="H17" s="130" t="s">
        <v>45</v>
      </c>
      <c r="I17" s="131"/>
      <c r="J17" s="131"/>
      <c r="K17" s="132" t="s">
        <v>53</v>
      </c>
      <c r="L17" s="134"/>
      <c r="M17" s="134"/>
      <c r="N17" s="47"/>
      <c r="O17" s="47"/>
      <c r="P17" s="47"/>
    </row>
    <row r="18" spans="1:62" s="39" customFormat="1" ht="22.5" customHeight="1" x14ac:dyDescent="0.25">
      <c r="A18" s="129"/>
      <c r="B18" s="129"/>
      <c r="C18" s="129"/>
      <c r="D18" s="129"/>
      <c r="E18" s="129"/>
      <c r="F18" s="129"/>
      <c r="G18" s="129"/>
      <c r="H18" s="48" t="s">
        <v>26</v>
      </c>
      <c r="I18" s="49" t="s">
        <v>27</v>
      </c>
      <c r="J18" s="92" t="s">
        <v>28</v>
      </c>
      <c r="K18" s="133"/>
      <c r="L18" s="96"/>
      <c r="M18" s="96"/>
      <c r="N18" s="47"/>
      <c r="O18" s="47"/>
      <c r="P18" s="47"/>
    </row>
    <row r="19" spans="1:62" s="111" customFormat="1" ht="14.1" customHeight="1" x14ac:dyDescent="0.25">
      <c r="A19" s="102" t="s">
        <v>0</v>
      </c>
      <c r="B19" s="103" t="s">
        <v>12</v>
      </c>
      <c r="C19" s="103" t="s">
        <v>13</v>
      </c>
      <c r="D19" s="103" t="s">
        <v>14</v>
      </c>
      <c r="E19" s="112" t="s">
        <v>15</v>
      </c>
      <c r="F19" s="104" t="s">
        <v>16</v>
      </c>
      <c r="G19" s="99" t="s">
        <v>17</v>
      </c>
      <c r="H19" s="105" t="s">
        <v>18</v>
      </c>
      <c r="I19" s="106" t="s">
        <v>19</v>
      </c>
      <c r="J19" s="107" t="s">
        <v>35</v>
      </c>
      <c r="K19" s="108" t="s">
        <v>36</v>
      </c>
      <c r="L19" s="117"/>
      <c r="M19" s="117"/>
      <c r="N19" s="109"/>
      <c r="O19" s="109"/>
      <c r="P19" s="109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A19" s="110"/>
      <c r="AB19" s="110"/>
      <c r="AC19" s="110"/>
      <c r="AD19" s="110"/>
      <c r="AE19" s="110"/>
      <c r="AF19" s="110"/>
      <c r="AG19" s="110"/>
      <c r="AH19" s="110"/>
      <c r="AI19" s="110"/>
      <c r="AJ19" s="110"/>
      <c r="AK19" s="110"/>
      <c r="AL19" s="110"/>
      <c r="AM19" s="110"/>
      <c r="AN19" s="110"/>
      <c r="AO19" s="110"/>
      <c r="AP19" s="110"/>
      <c r="AQ19" s="110"/>
      <c r="AR19" s="110"/>
      <c r="AS19" s="110"/>
      <c r="AT19" s="110"/>
      <c r="AU19" s="110"/>
      <c r="AV19" s="110"/>
      <c r="AW19" s="110"/>
      <c r="AX19" s="110"/>
      <c r="AY19" s="110"/>
      <c r="AZ19" s="110"/>
      <c r="BA19" s="110"/>
      <c r="BB19" s="110"/>
      <c r="BC19" s="110"/>
      <c r="BD19" s="110"/>
      <c r="BE19" s="110"/>
      <c r="BF19" s="110"/>
      <c r="BG19" s="110"/>
      <c r="BH19" s="110"/>
      <c r="BI19" s="110"/>
      <c r="BJ19" s="110"/>
    </row>
    <row r="20" spans="1:62" s="40" customFormat="1" ht="33" customHeight="1" x14ac:dyDescent="0.25">
      <c r="A20" s="86" t="s">
        <v>0</v>
      </c>
      <c r="B20" s="65"/>
      <c r="C20" s="66"/>
      <c r="D20" s="84"/>
      <c r="E20" s="84"/>
      <c r="F20" s="84"/>
      <c r="G20" s="84"/>
      <c r="H20" s="67"/>
      <c r="I20" s="68"/>
      <c r="J20" s="93"/>
      <c r="K20" s="135" t="s">
        <v>69</v>
      </c>
      <c r="L20" s="97"/>
      <c r="M20" s="97"/>
      <c r="N20" s="50"/>
      <c r="O20" s="50"/>
      <c r="P20" s="50"/>
    </row>
    <row r="21" spans="1:62" s="40" customFormat="1" ht="33" customHeight="1" x14ac:dyDescent="0.25">
      <c r="A21" s="85" t="s">
        <v>12</v>
      </c>
      <c r="B21" s="69"/>
      <c r="C21" s="70"/>
      <c r="D21" s="85"/>
      <c r="E21" s="85"/>
      <c r="F21" s="85"/>
      <c r="G21" s="86"/>
      <c r="H21" s="71"/>
      <c r="I21" s="72"/>
      <c r="J21" s="94"/>
      <c r="K21" s="136"/>
      <c r="L21" s="97"/>
      <c r="M21" s="97"/>
      <c r="N21" s="50"/>
      <c r="O21" s="50"/>
      <c r="P21" s="50"/>
    </row>
    <row r="22" spans="1:62" s="40" customFormat="1" ht="33" customHeight="1" x14ac:dyDescent="0.25">
      <c r="A22" s="87" t="s">
        <v>13</v>
      </c>
      <c r="B22" s="88"/>
      <c r="C22" s="89"/>
      <c r="D22" s="87"/>
      <c r="E22" s="87"/>
      <c r="F22" s="87"/>
      <c r="G22" s="87"/>
      <c r="H22" s="90"/>
      <c r="I22" s="91"/>
      <c r="J22" s="95"/>
      <c r="K22" s="137"/>
      <c r="L22" s="97"/>
      <c r="M22" s="97"/>
      <c r="N22" s="50"/>
      <c r="O22" s="50"/>
      <c r="P22" s="50"/>
    </row>
    <row r="23" spans="1:62" s="13" customFormat="1" ht="15.75" customHeight="1" x14ac:dyDescent="0.2">
      <c r="A23" s="23"/>
      <c r="B23" s="23"/>
      <c r="C23" s="10"/>
      <c r="D23" s="41"/>
      <c r="F23" s="14"/>
      <c r="G23" s="14"/>
      <c r="H23" s="14"/>
      <c r="I23" s="14"/>
      <c r="J23" s="26"/>
      <c r="K23" s="26"/>
      <c r="L23" s="26"/>
      <c r="M23" s="26"/>
    </row>
    <row r="24" spans="1:62" s="46" customFormat="1" ht="29.25" customHeight="1" x14ac:dyDescent="0.25">
      <c r="A24" s="139" t="s">
        <v>64</v>
      </c>
      <c r="B24" s="139"/>
      <c r="C24" s="139"/>
      <c r="D24" s="139"/>
      <c r="E24" s="139"/>
      <c r="F24" s="139"/>
      <c r="G24" s="139"/>
      <c r="H24" s="139"/>
      <c r="I24" s="139"/>
      <c r="J24" s="139"/>
      <c r="K24" s="139"/>
      <c r="L24" s="64"/>
      <c r="M24" s="64"/>
      <c r="N24" s="64"/>
      <c r="O24" s="64"/>
      <c r="P24" s="64"/>
    </row>
    <row r="25" spans="1:62" s="39" customFormat="1" ht="33" customHeight="1" x14ac:dyDescent="0.25">
      <c r="A25" s="128" t="s">
        <v>24</v>
      </c>
      <c r="B25" s="128" t="s">
        <v>39</v>
      </c>
      <c r="C25" s="128" t="s">
        <v>40</v>
      </c>
      <c r="D25" s="128" t="s">
        <v>30</v>
      </c>
      <c r="E25" s="128" t="s">
        <v>32</v>
      </c>
      <c r="F25" s="128" t="s">
        <v>41</v>
      </c>
      <c r="G25" s="128" t="s">
        <v>42</v>
      </c>
      <c r="H25" s="130" t="s">
        <v>45</v>
      </c>
      <c r="I25" s="131"/>
      <c r="J25" s="131"/>
      <c r="K25" s="132" t="s">
        <v>53</v>
      </c>
      <c r="L25" s="134"/>
      <c r="M25" s="134"/>
      <c r="N25" s="47"/>
      <c r="O25" s="47"/>
      <c r="P25" s="47"/>
    </row>
    <row r="26" spans="1:62" s="39" customFormat="1" ht="22.5" customHeight="1" x14ac:dyDescent="0.25">
      <c r="A26" s="129"/>
      <c r="B26" s="129"/>
      <c r="C26" s="129"/>
      <c r="D26" s="129"/>
      <c r="E26" s="129"/>
      <c r="F26" s="129"/>
      <c r="G26" s="129"/>
      <c r="H26" s="48" t="s">
        <v>26</v>
      </c>
      <c r="I26" s="49" t="s">
        <v>27</v>
      </c>
      <c r="J26" s="92" t="s">
        <v>28</v>
      </c>
      <c r="K26" s="133"/>
      <c r="L26" s="96"/>
      <c r="M26" s="96"/>
      <c r="N26" s="47"/>
      <c r="O26" s="47"/>
      <c r="P26" s="47"/>
    </row>
    <row r="27" spans="1:62" s="111" customFormat="1" ht="14.1" customHeight="1" x14ac:dyDescent="0.25">
      <c r="A27" s="102" t="s">
        <v>0</v>
      </c>
      <c r="B27" s="103" t="s">
        <v>12</v>
      </c>
      <c r="C27" s="103" t="s">
        <v>13</v>
      </c>
      <c r="D27" s="103" t="s">
        <v>14</v>
      </c>
      <c r="E27" s="112" t="s">
        <v>15</v>
      </c>
      <c r="F27" s="104" t="s">
        <v>16</v>
      </c>
      <c r="G27" s="99" t="s">
        <v>17</v>
      </c>
      <c r="H27" s="105" t="s">
        <v>18</v>
      </c>
      <c r="I27" s="106" t="s">
        <v>19</v>
      </c>
      <c r="J27" s="107" t="s">
        <v>35</v>
      </c>
      <c r="K27" s="108" t="s">
        <v>36</v>
      </c>
      <c r="L27" s="117"/>
      <c r="M27" s="117"/>
      <c r="N27" s="109"/>
      <c r="O27" s="109"/>
      <c r="P27" s="109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0"/>
      <c r="AP27" s="110"/>
      <c r="AQ27" s="110"/>
      <c r="AR27" s="110"/>
      <c r="AS27" s="110"/>
      <c r="AT27" s="110"/>
      <c r="AU27" s="110"/>
      <c r="AV27" s="110"/>
      <c r="AW27" s="110"/>
      <c r="AX27" s="110"/>
      <c r="AY27" s="110"/>
      <c r="AZ27" s="110"/>
      <c r="BA27" s="110"/>
      <c r="BB27" s="110"/>
      <c r="BC27" s="110"/>
      <c r="BD27" s="110"/>
      <c r="BE27" s="110"/>
      <c r="BF27" s="110"/>
      <c r="BG27" s="110"/>
      <c r="BH27" s="110"/>
      <c r="BI27" s="110"/>
      <c r="BJ27" s="110"/>
    </row>
    <row r="28" spans="1:62" s="40" customFormat="1" ht="33" customHeight="1" x14ac:dyDescent="0.25">
      <c r="A28" s="86" t="s">
        <v>0</v>
      </c>
      <c r="B28" s="65"/>
      <c r="C28" s="66"/>
      <c r="D28" s="84"/>
      <c r="E28" s="84"/>
      <c r="F28" s="84"/>
      <c r="G28" s="84"/>
      <c r="H28" s="67"/>
      <c r="I28" s="68"/>
      <c r="J28" s="93"/>
      <c r="K28" s="135" t="s">
        <v>497</v>
      </c>
      <c r="L28" s="97"/>
      <c r="M28" s="97"/>
      <c r="N28" s="50"/>
      <c r="O28" s="50"/>
      <c r="P28" s="50"/>
    </row>
    <row r="29" spans="1:62" s="40" customFormat="1" ht="33" customHeight="1" x14ac:dyDescent="0.25">
      <c r="A29" s="85" t="s">
        <v>12</v>
      </c>
      <c r="B29" s="69"/>
      <c r="C29" s="70"/>
      <c r="D29" s="85"/>
      <c r="E29" s="85"/>
      <c r="F29" s="85"/>
      <c r="G29" s="86"/>
      <c r="H29" s="71"/>
      <c r="I29" s="72"/>
      <c r="J29" s="94"/>
      <c r="K29" s="136"/>
      <c r="L29" s="97"/>
      <c r="M29" s="97"/>
      <c r="N29" s="50"/>
      <c r="O29" s="50"/>
      <c r="P29" s="50"/>
    </row>
    <row r="30" spans="1:62" s="40" customFormat="1" ht="33" customHeight="1" x14ac:dyDescent="0.25">
      <c r="A30" s="87" t="s">
        <v>13</v>
      </c>
      <c r="B30" s="88"/>
      <c r="C30" s="89"/>
      <c r="D30" s="87"/>
      <c r="E30" s="87"/>
      <c r="F30" s="87"/>
      <c r="G30" s="87"/>
      <c r="H30" s="90"/>
      <c r="I30" s="91"/>
      <c r="J30" s="95"/>
      <c r="K30" s="137"/>
      <c r="L30" s="97"/>
      <c r="M30" s="97"/>
      <c r="N30" s="50"/>
      <c r="O30" s="50"/>
      <c r="P30" s="50"/>
    </row>
    <row r="31" spans="1:62" s="45" customFormat="1" ht="33" customHeight="1" x14ac:dyDescent="0.25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127"/>
      <c r="M31" s="127"/>
      <c r="O31" s="63"/>
      <c r="P31" s="63"/>
    </row>
    <row r="32" spans="1:62" s="46" customFormat="1" ht="29.25" customHeight="1" x14ac:dyDescent="0.25">
      <c r="A32" s="139" t="s">
        <v>65</v>
      </c>
      <c r="B32" s="139"/>
      <c r="C32" s="139"/>
      <c r="D32" s="139"/>
      <c r="E32" s="139"/>
      <c r="F32" s="139"/>
      <c r="G32" s="139"/>
      <c r="H32" s="139"/>
      <c r="I32" s="139"/>
      <c r="J32" s="139"/>
      <c r="K32" s="139"/>
      <c r="L32" s="64"/>
      <c r="M32" s="64"/>
      <c r="N32" s="64"/>
      <c r="O32" s="64"/>
      <c r="P32" s="64"/>
    </row>
    <row r="33" spans="1:62" s="39" customFormat="1" ht="33" customHeight="1" x14ac:dyDescent="0.25">
      <c r="A33" s="128" t="s">
        <v>24</v>
      </c>
      <c r="B33" s="128" t="s">
        <v>39</v>
      </c>
      <c r="C33" s="128" t="s">
        <v>40</v>
      </c>
      <c r="D33" s="128" t="s">
        <v>30</v>
      </c>
      <c r="E33" s="128" t="s">
        <v>32</v>
      </c>
      <c r="F33" s="128" t="s">
        <v>41</v>
      </c>
      <c r="G33" s="128" t="s">
        <v>42</v>
      </c>
      <c r="H33" s="130" t="s">
        <v>45</v>
      </c>
      <c r="I33" s="131"/>
      <c r="J33" s="131"/>
      <c r="K33" s="132" t="s">
        <v>53</v>
      </c>
      <c r="L33" s="134"/>
      <c r="M33" s="134"/>
      <c r="N33" s="47"/>
      <c r="O33" s="47"/>
      <c r="P33" s="47"/>
    </row>
    <row r="34" spans="1:62" s="39" customFormat="1" ht="22.5" customHeight="1" x14ac:dyDescent="0.25">
      <c r="A34" s="129"/>
      <c r="B34" s="129"/>
      <c r="C34" s="129"/>
      <c r="D34" s="129"/>
      <c r="E34" s="129"/>
      <c r="F34" s="129"/>
      <c r="G34" s="129"/>
      <c r="H34" s="48" t="s">
        <v>26</v>
      </c>
      <c r="I34" s="49" t="s">
        <v>27</v>
      </c>
      <c r="J34" s="92" t="s">
        <v>28</v>
      </c>
      <c r="K34" s="133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35" t="s">
        <v>70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36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37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39" t="s">
        <v>66</v>
      </c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64"/>
      <c r="M40" s="64"/>
      <c r="N40" s="64"/>
      <c r="O40" s="64"/>
      <c r="P40" s="64"/>
    </row>
    <row r="41" spans="1:62" s="39" customFormat="1" ht="33" customHeight="1" x14ac:dyDescent="0.25">
      <c r="A41" s="128" t="s">
        <v>24</v>
      </c>
      <c r="B41" s="128" t="s">
        <v>39</v>
      </c>
      <c r="C41" s="128" t="s">
        <v>40</v>
      </c>
      <c r="D41" s="128" t="s">
        <v>30</v>
      </c>
      <c r="E41" s="128" t="s">
        <v>32</v>
      </c>
      <c r="F41" s="128" t="s">
        <v>41</v>
      </c>
      <c r="G41" s="128" t="s">
        <v>42</v>
      </c>
      <c r="H41" s="130" t="s">
        <v>45</v>
      </c>
      <c r="I41" s="131"/>
      <c r="J41" s="131"/>
      <c r="K41" s="132" t="s">
        <v>53</v>
      </c>
      <c r="L41" s="134"/>
      <c r="M41" s="134"/>
      <c r="N41" s="47"/>
      <c r="O41" s="47"/>
      <c r="P41" s="47"/>
    </row>
    <row r="42" spans="1:62" s="39" customFormat="1" ht="22.5" customHeight="1" x14ac:dyDescent="0.25">
      <c r="A42" s="129"/>
      <c r="B42" s="129"/>
      <c r="C42" s="129"/>
      <c r="D42" s="129"/>
      <c r="E42" s="129"/>
      <c r="F42" s="129"/>
      <c r="G42" s="129"/>
      <c r="H42" s="48" t="s">
        <v>26</v>
      </c>
      <c r="I42" s="49" t="s">
        <v>27</v>
      </c>
      <c r="J42" s="92" t="s">
        <v>28</v>
      </c>
      <c r="K42" s="133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35" t="s">
        <v>71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36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37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39" t="s">
        <v>67</v>
      </c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64"/>
      <c r="M48" s="64"/>
      <c r="N48" s="64"/>
      <c r="O48" s="64"/>
      <c r="P48" s="64"/>
    </row>
    <row r="49" spans="1:62" s="39" customFormat="1" ht="33" customHeight="1" x14ac:dyDescent="0.25">
      <c r="A49" s="128" t="s">
        <v>24</v>
      </c>
      <c r="B49" s="128" t="s">
        <v>39</v>
      </c>
      <c r="C49" s="128" t="s">
        <v>40</v>
      </c>
      <c r="D49" s="128" t="s">
        <v>30</v>
      </c>
      <c r="E49" s="128" t="s">
        <v>32</v>
      </c>
      <c r="F49" s="128" t="s">
        <v>41</v>
      </c>
      <c r="G49" s="128" t="s">
        <v>42</v>
      </c>
      <c r="H49" s="130" t="s">
        <v>45</v>
      </c>
      <c r="I49" s="131"/>
      <c r="J49" s="131"/>
      <c r="K49" s="132" t="s">
        <v>53</v>
      </c>
      <c r="L49" s="134"/>
      <c r="M49" s="134"/>
      <c r="N49" s="47"/>
      <c r="O49" s="47"/>
      <c r="P49" s="47"/>
    </row>
    <row r="50" spans="1:62" s="39" customFormat="1" ht="22.5" customHeight="1" x14ac:dyDescent="0.25">
      <c r="A50" s="129"/>
      <c r="B50" s="129"/>
      <c r="C50" s="129"/>
      <c r="D50" s="129"/>
      <c r="E50" s="129"/>
      <c r="F50" s="129"/>
      <c r="G50" s="129"/>
      <c r="H50" s="48" t="s">
        <v>26</v>
      </c>
      <c r="I50" s="49" t="s">
        <v>27</v>
      </c>
      <c r="J50" s="92" t="s">
        <v>28</v>
      </c>
      <c r="K50" s="133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35" t="s">
        <v>72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36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37"/>
      <c r="L54" s="97"/>
      <c r="M54" s="97"/>
      <c r="N54" s="50"/>
      <c r="O54" s="50"/>
      <c r="P54" s="50"/>
    </row>
    <row r="55" spans="1:62" s="13" customFormat="1" ht="15.75" customHeight="1" x14ac:dyDescent="0.2">
      <c r="A55" s="23"/>
      <c r="B55" s="23"/>
      <c r="C55" s="10"/>
      <c r="D55" s="41"/>
      <c r="F55" s="14"/>
      <c r="G55" s="14"/>
      <c r="H55" s="14"/>
      <c r="I55" s="14"/>
      <c r="J55" s="26"/>
      <c r="K55" s="26"/>
      <c r="L55" s="26"/>
      <c r="M55" s="26"/>
    </row>
    <row r="56" spans="1:62" s="46" customFormat="1" ht="29.25" customHeight="1" x14ac:dyDescent="0.25">
      <c r="A56" s="139" t="s">
        <v>68</v>
      </c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64"/>
      <c r="M56" s="64"/>
      <c r="N56" s="64"/>
      <c r="O56" s="64"/>
      <c r="P56" s="64"/>
    </row>
    <row r="57" spans="1:62" s="39" customFormat="1" ht="33" customHeight="1" x14ac:dyDescent="0.25">
      <c r="A57" s="128" t="s">
        <v>24</v>
      </c>
      <c r="B57" s="128" t="s">
        <v>39</v>
      </c>
      <c r="C57" s="128" t="s">
        <v>40</v>
      </c>
      <c r="D57" s="128" t="s">
        <v>30</v>
      </c>
      <c r="E57" s="128" t="s">
        <v>32</v>
      </c>
      <c r="F57" s="128" t="s">
        <v>41</v>
      </c>
      <c r="G57" s="128" t="s">
        <v>42</v>
      </c>
      <c r="H57" s="130" t="s">
        <v>45</v>
      </c>
      <c r="I57" s="131"/>
      <c r="J57" s="131"/>
      <c r="K57" s="132" t="s">
        <v>53</v>
      </c>
      <c r="L57" s="134"/>
      <c r="M57" s="134"/>
      <c r="N57" s="47"/>
      <c r="O57" s="47"/>
      <c r="P57" s="47"/>
    </row>
    <row r="58" spans="1:62" s="39" customFormat="1" ht="22.5" customHeight="1" x14ac:dyDescent="0.25">
      <c r="A58" s="129"/>
      <c r="B58" s="129"/>
      <c r="C58" s="129"/>
      <c r="D58" s="129"/>
      <c r="E58" s="129"/>
      <c r="F58" s="129"/>
      <c r="G58" s="129"/>
      <c r="H58" s="48" t="s">
        <v>26</v>
      </c>
      <c r="I58" s="49" t="s">
        <v>27</v>
      </c>
      <c r="J58" s="92" t="s">
        <v>28</v>
      </c>
      <c r="K58" s="133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35" t="s">
        <v>495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36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37"/>
      <c r="L62" s="97"/>
      <c r="M62" s="97"/>
      <c r="N62" s="50"/>
      <c r="O62" s="50"/>
      <c r="P62" s="50"/>
    </row>
    <row r="63" spans="1:62" s="40" customFormat="1" ht="33" customHeight="1" x14ac:dyDescent="0.25">
      <c r="A63" s="73"/>
      <c r="B63" s="74"/>
      <c r="C63" s="74"/>
      <c r="D63" s="73"/>
      <c r="E63" s="73"/>
      <c r="F63" s="73"/>
      <c r="G63" s="73"/>
      <c r="H63" s="75"/>
      <c r="I63" s="76"/>
      <c r="J63" s="75"/>
      <c r="K63" s="118"/>
      <c r="L63" s="97"/>
      <c r="M63" s="97"/>
      <c r="N63" s="50"/>
      <c r="O63" s="50"/>
      <c r="P63" s="50"/>
    </row>
    <row r="64" spans="1:62" s="40" customFormat="1" ht="33" customHeight="1" x14ac:dyDescent="0.25">
      <c r="A64" s="73"/>
      <c r="B64" s="74"/>
      <c r="C64" s="74"/>
      <c r="D64" s="73"/>
      <c r="E64" s="73"/>
      <c r="F64" s="73"/>
      <c r="G64" s="73"/>
      <c r="H64" s="75"/>
      <c r="I64" s="76"/>
      <c r="J64" s="75"/>
      <c r="K64" s="120"/>
      <c r="L64" s="97"/>
      <c r="M64" s="97"/>
      <c r="N64" s="50"/>
      <c r="O64" s="50"/>
      <c r="P64" s="50"/>
    </row>
    <row r="65" spans="1:13" s="18" customFormat="1" ht="20.100000000000001" customHeight="1" x14ac:dyDescent="0.2">
      <c r="A65" s="42" t="s">
        <v>3</v>
      </c>
      <c r="B65" s="42"/>
      <c r="C65" s="141"/>
      <c r="D65" s="141"/>
      <c r="E65" s="25"/>
      <c r="F65" s="17"/>
      <c r="G65" s="17"/>
      <c r="H65" s="17"/>
      <c r="I65" s="17"/>
      <c r="J65" s="17"/>
      <c r="K65" s="26"/>
      <c r="L65" s="26"/>
    </row>
    <row r="66" spans="1:13" s="18" customFormat="1" ht="20.100000000000001" customHeight="1" x14ac:dyDescent="0.2">
      <c r="A66" s="42" t="s">
        <v>4</v>
      </c>
      <c r="B66" s="42"/>
      <c r="C66" s="140"/>
      <c r="D66" s="140"/>
      <c r="E66" s="20"/>
      <c r="F66" s="17"/>
      <c r="G66" s="17"/>
      <c r="H66" s="17"/>
      <c r="I66" s="17"/>
      <c r="J66" s="17"/>
      <c r="K66" s="21"/>
      <c r="L66" s="22"/>
    </row>
    <row r="67" spans="1:13" s="18" customFormat="1" ht="20.100000000000001" customHeight="1" x14ac:dyDescent="0.2">
      <c r="A67" s="42" t="s">
        <v>5</v>
      </c>
      <c r="B67" s="42"/>
      <c r="C67" s="140"/>
      <c r="D67" s="140"/>
      <c r="E67" s="20"/>
      <c r="F67" s="17"/>
      <c r="G67" s="17"/>
      <c r="H67" s="17"/>
      <c r="I67" s="17"/>
      <c r="J67" s="17"/>
      <c r="K67" s="21"/>
      <c r="L67" s="22"/>
    </row>
    <row r="68" spans="1:13" s="18" customFormat="1" ht="20.100000000000001" customHeight="1" x14ac:dyDescent="0.25">
      <c r="A68" s="42"/>
      <c r="B68" s="42"/>
      <c r="C68" s="42"/>
      <c r="D68" s="19"/>
      <c r="E68" s="20"/>
      <c r="F68" s="17"/>
      <c r="G68" s="17"/>
      <c r="H68" s="17"/>
      <c r="I68" s="17"/>
      <c r="J68" s="17"/>
      <c r="K68" s="21"/>
      <c r="L68" s="22"/>
    </row>
    <row r="69" spans="1:13" s="18" customFormat="1" ht="20.100000000000001" customHeight="1" x14ac:dyDescent="0.2">
      <c r="A69" s="42" t="s">
        <v>6</v>
      </c>
      <c r="B69" s="42"/>
      <c r="C69" s="141"/>
      <c r="D69" s="141"/>
      <c r="E69" s="20"/>
      <c r="F69" s="17"/>
      <c r="G69" s="17"/>
      <c r="H69" s="17"/>
      <c r="I69" s="17"/>
      <c r="J69" s="17"/>
      <c r="K69" s="21"/>
      <c r="L69" s="22"/>
    </row>
    <row r="70" spans="1:13" s="18" customFormat="1" ht="20.100000000000001" customHeight="1" x14ac:dyDescent="0.2">
      <c r="A70" s="42" t="s">
        <v>7</v>
      </c>
      <c r="B70" s="42"/>
      <c r="C70" s="140"/>
      <c r="D70" s="140"/>
      <c r="E70" s="20"/>
      <c r="F70" s="17"/>
      <c r="G70" s="27" t="s">
        <v>20</v>
      </c>
      <c r="H70" s="151"/>
      <c r="I70" s="151"/>
      <c r="J70" s="17"/>
      <c r="K70" s="21"/>
      <c r="L70" s="22"/>
    </row>
    <row r="71" spans="1:13" s="18" customFormat="1" ht="20.100000000000001" customHeight="1" x14ac:dyDescent="0.2">
      <c r="A71" s="42" t="s">
        <v>8</v>
      </c>
      <c r="B71" s="42"/>
      <c r="C71" s="140"/>
      <c r="D71" s="140"/>
      <c r="E71" s="20"/>
      <c r="F71" s="17"/>
      <c r="G71" s="28"/>
      <c r="H71" s="29"/>
      <c r="I71" s="29"/>
    </row>
    <row r="72" spans="1:13" s="18" customFormat="1" ht="20.100000000000001" customHeight="1" x14ac:dyDescent="0.25">
      <c r="A72" s="19"/>
      <c r="B72" s="19"/>
      <c r="C72" s="19"/>
      <c r="D72" s="20"/>
      <c r="E72" s="20"/>
      <c r="F72" s="17"/>
      <c r="G72" s="30" t="s">
        <v>21</v>
      </c>
      <c r="H72" s="152"/>
      <c r="I72" s="152"/>
    </row>
    <row r="73" spans="1:13" s="18" customFormat="1" ht="20.100000000000001" customHeight="1" x14ac:dyDescent="0.25">
      <c r="A73" s="19"/>
      <c r="B73" s="19"/>
      <c r="C73" s="19"/>
      <c r="D73" s="20"/>
      <c r="E73" s="20"/>
      <c r="F73" s="17"/>
      <c r="G73" s="30" t="s">
        <v>22</v>
      </c>
      <c r="H73" s="150"/>
      <c r="I73" s="150"/>
    </row>
    <row r="74" spans="1:13" s="13" customFormat="1" ht="20.100000000000001" customHeight="1" x14ac:dyDescent="0.2">
      <c r="A74" s="10" t="s">
        <v>2</v>
      </c>
      <c r="B74" s="140"/>
      <c r="C74" s="140"/>
      <c r="D74" s="11"/>
      <c r="E74" s="11"/>
      <c r="F74" s="14"/>
      <c r="G74" s="31" t="s">
        <v>23</v>
      </c>
      <c r="H74" s="28"/>
      <c r="I74" s="32"/>
      <c r="M74" s="10"/>
    </row>
    <row r="75" spans="1:13" s="13" customFormat="1" ht="20.100000000000001" customHeight="1" x14ac:dyDescent="0.2">
      <c r="A75" s="10" t="s">
        <v>1</v>
      </c>
      <c r="B75" s="149"/>
      <c r="C75" s="149"/>
      <c r="D75" s="11"/>
      <c r="E75" s="11"/>
      <c r="F75" s="14"/>
      <c r="G75" s="14"/>
      <c r="H75" s="14"/>
      <c r="I75" s="14"/>
      <c r="M75" s="10"/>
    </row>
    <row r="76" spans="1:13" s="13" customFormat="1" x14ac:dyDescent="0.2">
      <c r="A76" s="10"/>
      <c r="B76" s="10"/>
      <c r="C76" s="10"/>
      <c r="D76" s="11"/>
      <c r="E76" s="11"/>
      <c r="F76" s="14"/>
      <c r="G76" s="14"/>
      <c r="H76" s="14"/>
      <c r="I76" s="14"/>
      <c r="J76" s="14"/>
      <c r="K76" s="12"/>
      <c r="L76" s="10"/>
      <c r="M76" s="10"/>
    </row>
    <row r="77" spans="1:13" s="13" customFormat="1" ht="15" customHeight="1" x14ac:dyDescent="0.2">
      <c r="A77" s="10"/>
      <c r="B77" s="10"/>
      <c r="D77" s="11"/>
      <c r="E77" s="11"/>
      <c r="F77" s="14"/>
      <c r="G77" s="14"/>
      <c r="H77" s="14"/>
      <c r="I77" s="14"/>
      <c r="J77" s="14"/>
      <c r="K77" s="12"/>
      <c r="L77" s="10"/>
      <c r="M77" s="10"/>
    </row>
    <row r="78" spans="1:13" s="2" customFormat="1" x14ac:dyDescent="0.2">
      <c r="A78" s="148" t="s">
        <v>10</v>
      </c>
      <c r="B78" s="148"/>
      <c r="D78" s="3"/>
      <c r="E78" s="3"/>
      <c r="F78" s="4"/>
      <c r="G78" s="4"/>
      <c r="H78" s="4"/>
      <c r="I78" s="4"/>
      <c r="J78" s="4"/>
      <c r="K78" s="15"/>
    </row>
    <row r="79" spans="1:13" ht="14.25" x14ac:dyDescent="0.2">
      <c r="A79" s="33"/>
      <c r="B79" s="34" t="s">
        <v>11</v>
      </c>
    </row>
    <row r="80" spans="1:13" ht="6.75" customHeight="1" x14ac:dyDescent="0.2">
      <c r="A80" s="35"/>
      <c r="B80" s="36"/>
    </row>
  </sheetData>
  <mergeCells count="96">
    <mergeCell ref="L49:M49"/>
    <mergeCell ref="L57:M57"/>
    <mergeCell ref="K60:K62"/>
    <mergeCell ref="A56:K56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  <mergeCell ref="L33:M33"/>
    <mergeCell ref="K36:K38"/>
    <mergeCell ref="A40:K40"/>
    <mergeCell ref="A41:A42"/>
    <mergeCell ref="B41:B42"/>
    <mergeCell ref="C41:C42"/>
    <mergeCell ref="D41:D42"/>
    <mergeCell ref="E41:E42"/>
    <mergeCell ref="F41:F42"/>
    <mergeCell ref="G41:G42"/>
    <mergeCell ref="H41:J41"/>
    <mergeCell ref="K41:K42"/>
    <mergeCell ref="L41:M41"/>
    <mergeCell ref="H72:I72"/>
    <mergeCell ref="H73:I73"/>
    <mergeCell ref="B74:C74"/>
    <mergeCell ref="B75:C75"/>
    <mergeCell ref="A32:K32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K52:K54"/>
    <mergeCell ref="K44:K46"/>
    <mergeCell ref="A78:B78"/>
    <mergeCell ref="C65:D65"/>
    <mergeCell ref="C66:D66"/>
    <mergeCell ref="C67:D67"/>
    <mergeCell ref="C69:D69"/>
    <mergeCell ref="C70:D70"/>
    <mergeCell ref="C71:D71"/>
    <mergeCell ref="H70:I70"/>
    <mergeCell ref="F25:F26"/>
    <mergeCell ref="G25:G26"/>
    <mergeCell ref="H25:J25"/>
    <mergeCell ref="K25:K26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25:M25"/>
    <mergeCell ref="K28:K30"/>
    <mergeCell ref="H17:J17"/>
    <mergeCell ref="K17:K18"/>
    <mergeCell ref="L17:M17"/>
    <mergeCell ref="K20:K22"/>
    <mergeCell ref="A24:K24"/>
    <mergeCell ref="A25:A26"/>
    <mergeCell ref="B25:B26"/>
    <mergeCell ref="C25:C26"/>
    <mergeCell ref="D25:D26"/>
    <mergeCell ref="E25:E26"/>
    <mergeCell ref="A16:K16"/>
    <mergeCell ref="A17:A18"/>
    <mergeCell ref="B17:B18"/>
    <mergeCell ref="C17:C18"/>
    <mergeCell ref="D17:D18"/>
    <mergeCell ref="E17:E18"/>
    <mergeCell ref="F17:F18"/>
    <mergeCell ref="G17:G18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74:C74">
    <cfRule type="containsBlanks" dxfId="359" priority="6">
      <formula>LEN(TRIM(B74))=0</formula>
    </cfRule>
  </conditionalFormatting>
  <conditionalFormatting sqref="B75:C75">
    <cfRule type="containsBlanks" dxfId="358" priority="5">
      <formula>LEN(TRIM(B75))=0</formula>
    </cfRule>
  </conditionalFormatting>
  <conditionalFormatting sqref="H72:I72">
    <cfRule type="containsBlanks" dxfId="357" priority="4">
      <formula>LEN(TRIM(H72))=0</formula>
    </cfRule>
  </conditionalFormatting>
  <conditionalFormatting sqref="H73:I73">
    <cfRule type="containsBlanks" dxfId="356" priority="3">
      <formula>LEN(TRIM(H73))=0</formula>
    </cfRule>
  </conditionalFormatting>
  <conditionalFormatting sqref="C65:D67">
    <cfRule type="containsBlanks" dxfId="355" priority="2">
      <formula>LEN(TRIM(C65))=0</formula>
    </cfRule>
  </conditionalFormatting>
  <conditionalFormatting sqref="C69:D71">
    <cfRule type="containsBlanks" dxfId="354" priority="1">
      <formula>LEN(TRIM(C69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3" max="12" man="1"/>
    <brk id="47" max="12" man="1"/>
  </rowBreaks>
  <colBreaks count="1" manualBreakCount="1">
    <brk id="13" max="28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62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63</v>
      </c>
      <c r="C9" s="114" t="s">
        <v>46</v>
      </c>
      <c r="D9" s="119">
        <v>12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64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6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51" priority="6">
      <formula>LEN(TRIM(B28))=0</formula>
    </cfRule>
  </conditionalFormatting>
  <conditionalFormatting sqref="B29:C29">
    <cfRule type="containsBlanks" dxfId="250" priority="5">
      <formula>LEN(TRIM(B29))=0</formula>
    </cfRule>
  </conditionalFormatting>
  <conditionalFormatting sqref="H26:I26">
    <cfRule type="containsBlanks" dxfId="249" priority="4">
      <formula>LEN(TRIM(H26))=0</formula>
    </cfRule>
  </conditionalFormatting>
  <conditionalFormatting sqref="H27:I27">
    <cfRule type="containsBlanks" dxfId="248" priority="3">
      <formula>LEN(TRIM(H27))=0</formula>
    </cfRule>
  </conditionalFormatting>
  <conditionalFormatting sqref="C19:D21">
    <cfRule type="containsBlanks" dxfId="247" priority="2">
      <formula>LEN(TRIM(C19))=0</formula>
    </cfRule>
  </conditionalFormatting>
  <conditionalFormatting sqref="C23:D25">
    <cfRule type="containsBlanks" dxfId="24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66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67</v>
      </c>
      <c r="C9" s="114" t="s">
        <v>46</v>
      </c>
      <c r="D9" s="119">
        <v>2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68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69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45" priority="6">
      <formula>LEN(TRIM(B28))=0</formula>
    </cfRule>
  </conditionalFormatting>
  <conditionalFormatting sqref="B29:C29">
    <cfRule type="containsBlanks" dxfId="244" priority="5">
      <formula>LEN(TRIM(B29))=0</formula>
    </cfRule>
  </conditionalFormatting>
  <conditionalFormatting sqref="H26:I26">
    <cfRule type="containsBlanks" dxfId="243" priority="4">
      <formula>LEN(TRIM(H26))=0</formula>
    </cfRule>
  </conditionalFormatting>
  <conditionalFormatting sqref="H27:I27">
    <cfRule type="containsBlanks" dxfId="242" priority="3">
      <formula>LEN(TRIM(H27))=0</formula>
    </cfRule>
  </conditionalFormatting>
  <conditionalFormatting sqref="C19:D21">
    <cfRule type="containsBlanks" dxfId="241" priority="2">
      <formula>LEN(TRIM(C19))=0</formula>
    </cfRule>
  </conditionalFormatting>
  <conditionalFormatting sqref="C23:D25">
    <cfRule type="containsBlanks" dxfId="24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72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70</v>
      </c>
      <c r="C9" s="114" t="s">
        <v>46</v>
      </c>
      <c r="D9" s="119">
        <v>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71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73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39" priority="6">
      <formula>LEN(TRIM(B28))=0</formula>
    </cfRule>
  </conditionalFormatting>
  <conditionalFormatting sqref="B29:C29">
    <cfRule type="containsBlanks" dxfId="238" priority="5">
      <formula>LEN(TRIM(B29))=0</formula>
    </cfRule>
  </conditionalFormatting>
  <conditionalFormatting sqref="H26:I26">
    <cfRule type="containsBlanks" dxfId="237" priority="4">
      <formula>LEN(TRIM(H26))=0</formula>
    </cfRule>
  </conditionalFormatting>
  <conditionalFormatting sqref="H27:I27">
    <cfRule type="containsBlanks" dxfId="236" priority="3">
      <formula>LEN(TRIM(H27))=0</formula>
    </cfRule>
  </conditionalFormatting>
  <conditionalFormatting sqref="C19:D21">
    <cfRule type="containsBlanks" dxfId="235" priority="2">
      <formula>LEN(TRIM(C19))=0</formula>
    </cfRule>
  </conditionalFormatting>
  <conditionalFormatting sqref="C23:D25">
    <cfRule type="containsBlanks" dxfId="23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74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75</v>
      </c>
      <c r="C9" s="114" t="s">
        <v>46</v>
      </c>
      <c r="D9" s="119">
        <v>52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76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>
        <v>52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33" priority="6">
      <formula>LEN(TRIM(B28))=0</formula>
    </cfRule>
  </conditionalFormatting>
  <conditionalFormatting sqref="B29:C29">
    <cfRule type="containsBlanks" dxfId="232" priority="5">
      <formula>LEN(TRIM(B29))=0</formula>
    </cfRule>
  </conditionalFormatting>
  <conditionalFormatting sqref="H26:I26">
    <cfRule type="containsBlanks" dxfId="231" priority="4">
      <formula>LEN(TRIM(H26))=0</formula>
    </cfRule>
  </conditionalFormatting>
  <conditionalFormatting sqref="H27:I27">
    <cfRule type="containsBlanks" dxfId="230" priority="3">
      <formula>LEN(TRIM(H27))=0</formula>
    </cfRule>
  </conditionalFormatting>
  <conditionalFormatting sqref="C19:D21">
    <cfRule type="containsBlanks" dxfId="229" priority="2">
      <formula>LEN(TRIM(C19))=0</formula>
    </cfRule>
  </conditionalFormatting>
  <conditionalFormatting sqref="C23:D25">
    <cfRule type="containsBlanks" dxfId="228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77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78</v>
      </c>
      <c r="C9" s="114" t="s">
        <v>46</v>
      </c>
      <c r="D9" s="119">
        <v>6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79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80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27" priority="6">
      <formula>LEN(TRIM(B28))=0</formula>
    </cfRule>
  </conditionalFormatting>
  <conditionalFormatting sqref="B29:C29">
    <cfRule type="containsBlanks" dxfId="226" priority="5">
      <formula>LEN(TRIM(B29))=0</formula>
    </cfRule>
  </conditionalFormatting>
  <conditionalFormatting sqref="H26:I26">
    <cfRule type="containsBlanks" dxfId="225" priority="4">
      <formula>LEN(TRIM(H26))=0</formula>
    </cfRule>
  </conditionalFormatting>
  <conditionalFormatting sqref="H27:I27">
    <cfRule type="containsBlanks" dxfId="224" priority="3">
      <formula>LEN(TRIM(H27))=0</formula>
    </cfRule>
  </conditionalFormatting>
  <conditionalFormatting sqref="C19:D21">
    <cfRule type="containsBlanks" dxfId="223" priority="2">
      <formula>LEN(TRIM(C19))=0</formula>
    </cfRule>
  </conditionalFormatting>
  <conditionalFormatting sqref="C23:D25">
    <cfRule type="containsBlanks" dxfId="22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81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82</v>
      </c>
      <c r="C9" s="114" t="s">
        <v>46</v>
      </c>
      <c r="D9" s="119">
        <v>1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83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21" priority="6">
      <formula>LEN(TRIM(B28))=0</formula>
    </cfRule>
  </conditionalFormatting>
  <conditionalFormatting sqref="B29:C29">
    <cfRule type="containsBlanks" dxfId="220" priority="5">
      <formula>LEN(TRIM(B29))=0</formula>
    </cfRule>
  </conditionalFormatting>
  <conditionalFormatting sqref="H26:I26">
    <cfRule type="containsBlanks" dxfId="219" priority="4">
      <formula>LEN(TRIM(H26))=0</formula>
    </cfRule>
  </conditionalFormatting>
  <conditionalFormatting sqref="H27:I27">
    <cfRule type="containsBlanks" dxfId="218" priority="3">
      <formula>LEN(TRIM(H27))=0</formula>
    </cfRule>
  </conditionalFormatting>
  <conditionalFormatting sqref="C19:D21">
    <cfRule type="containsBlanks" dxfId="217" priority="2">
      <formula>LEN(TRIM(C19))=0</formula>
    </cfRule>
  </conditionalFormatting>
  <conditionalFormatting sqref="C23:D25">
    <cfRule type="containsBlanks" dxfId="21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84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85</v>
      </c>
      <c r="C9" s="114" t="s">
        <v>46</v>
      </c>
      <c r="D9" s="119">
        <v>3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86</v>
      </c>
      <c r="C10" s="114" t="s">
        <v>46</v>
      </c>
      <c r="D10" s="119">
        <v>3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187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431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188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431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41"/>
      <c r="D29" s="141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40"/>
      <c r="D30" s="14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40"/>
      <c r="D31" s="14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41"/>
      <c r="D33" s="141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40"/>
      <c r="D34" s="140"/>
      <c r="E34" s="20"/>
      <c r="F34" s="17"/>
      <c r="G34" s="27" t="s">
        <v>20</v>
      </c>
      <c r="H34" s="151"/>
      <c r="I34" s="151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40"/>
      <c r="D35" s="14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52"/>
      <c r="I36" s="152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50"/>
      <c r="I37" s="150"/>
    </row>
    <row r="38" spans="1:13" s="13" customFormat="1" ht="20.100000000000001" customHeight="1" x14ac:dyDescent="0.2">
      <c r="A38" s="10" t="s">
        <v>2</v>
      </c>
      <c r="B38" s="140"/>
      <c r="C38" s="14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49"/>
      <c r="C39" s="149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48" t="s">
        <v>10</v>
      </c>
      <c r="B42" s="148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H36:I36"/>
    <mergeCell ref="H37:I37"/>
    <mergeCell ref="B38:C38"/>
    <mergeCell ref="B39:C39"/>
    <mergeCell ref="A42:B42"/>
  </mergeCells>
  <conditionalFormatting sqref="B38:C38">
    <cfRule type="containsBlanks" dxfId="215" priority="6">
      <formula>LEN(TRIM(B38))=0</formula>
    </cfRule>
  </conditionalFormatting>
  <conditionalFormatting sqref="B39:C39">
    <cfRule type="containsBlanks" dxfId="214" priority="5">
      <formula>LEN(TRIM(B39))=0</formula>
    </cfRule>
  </conditionalFormatting>
  <conditionalFormatting sqref="H36:I36">
    <cfRule type="containsBlanks" dxfId="213" priority="4">
      <formula>LEN(TRIM(H36))=0</formula>
    </cfRule>
  </conditionalFormatting>
  <conditionalFormatting sqref="H37:I37">
    <cfRule type="containsBlanks" dxfId="212" priority="3">
      <formula>LEN(TRIM(H37))=0</formula>
    </cfRule>
  </conditionalFormatting>
  <conditionalFormatting sqref="C29:D31">
    <cfRule type="containsBlanks" dxfId="211" priority="2">
      <formula>LEN(TRIM(C29))=0</formula>
    </cfRule>
  </conditionalFormatting>
  <conditionalFormatting sqref="C33:D35">
    <cfRule type="containsBlanks" dxfId="210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89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90</v>
      </c>
      <c r="C9" s="114" t="s">
        <v>46</v>
      </c>
      <c r="D9" s="119">
        <v>1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91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09" priority="6">
      <formula>LEN(TRIM(B28))=0</formula>
    </cfRule>
  </conditionalFormatting>
  <conditionalFormatting sqref="B29:C29">
    <cfRule type="containsBlanks" dxfId="208" priority="5">
      <formula>LEN(TRIM(B29))=0</formula>
    </cfRule>
  </conditionalFormatting>
  <conditionalFormatting sqref="H26:I26">
    <cfRule type="containsBlanks" dxfId="207" priority="4">
      <formula>LEN(TRIM(H26))=0</formula>
    </cfRule>
  </conditionalFormatting>
  <conditionalFormatting sqref="H27:I27">
    <cfRule type="containsBlanks" dxfId="206" priority="3">
      <formula>LEN(TRIM(H27))=0</formula>
    </cfRule>
  </conditionalFormatting>
  <conditionalFormatting sqref="C19:D21">
    <cfRule type="containsBlanks" dxfId="205" priority="2">
      <formula>LEN(TRIM(C19))=0</formula>
    </cfRule>
  </conditionalFormatting>
  <conditionalFormatting sqref="C23:D25">
    <cfRule type="containsBlanks" dxfId="20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92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93</v>
      </c>
      <c r="C9" s="114" t="s">
        <v>46</v>
      </c>
      <c r="D9" s="119">
        <v>1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94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03" priority="6">
      <formula>LEN(TRIM(B28))=0</formula>
    </cfRule>
  </conditionalFormatting>
  <conditionalFormatting sqref="B29:C29">
    <cfRule type="containsBlanks" dxfId="202" priority="5">
      <formula>LEN(TRIM(B29))=0</formula>
    </cfRule>
  </conditionalFormatting>
  <conditionalFormatting sqref="H26:I26">
    <cfRule type="containsBlanks" dxfId="201" priority="4">
      <formula>LEN(TRIM(H26))=0</formula>
    </cfRule>
  </conditionalFormatting>
  <conditionalFormatting sqref="H27:I27">
    <cfRule type="containsBlanks" dxfId="200" priority="3">
      <formula>LEN(TRIM(H27))=0</formula>
    </cfRule>
  </conditionalFormatting>
  <conditionalFormatting sqref="C19:D21">
    <cfRule type="containsBlanks" dxfId="199" priority="2">
      <formula>LEN(TRIM(C19))=0</formula>
    </cfRule>
  </conditionalFormatting>
  <conditionalFormatting sqref="C23:D25">
    <cfRule type="containsBlanks" dxfId="198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96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97</v>
      </c>
      <c r="C9" s="114" t="s">
        <v>46</v>
      </c>
      <c r="D9" s="119">
        <v>5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98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8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197" priority="6">
      <formula>LEN(TRIM(B28))=0</formula>
    </cfRule>
  </conditionalFormatting>
  <conditionalFormatting sqref="B29:C29">
    <cfRule type="containsBlanks" dxfId="196" priority="5">
      <formula>LEN(TRIM(B29))=0</formula>
    </cfRule>
  </conditionalFormatting>
  <conditionalFormatting sqref="H26:I26">
    <cfRule type="containsBlanks" dxfId="195" priority="4">
      <formula>LEN(TRIM(H26))=0</formula>
    </cfRule>
  </conditionalFormatting>
  <conditionalFormatting sqref="H27:I27">
    <cfRule type="containsBlanks" dxfId="194" priority="3">
      <formula>LEN(TRIM(H27))=0</formula>
    </cfRule>
  </conditionalFormatting>
  <conditionalFormatting sqref="C19:D21">
    <cfRule type="containsBlanks" dxfId="193" priority="2">
      <formula>LEN(TRIM(C19))=0</formula>
    </cfRule>
  </conditionalFormatting>
  <conditionalFormatting sqref="C23:D25">
    <cfRule type="containsBlanks" dxfId="19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53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73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74</v>
      </c>
      <c r="C9" s="114" t="s">
        <v>46</v>
      </c>
      <c r="D9" s="119">
        <v>36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x14ac:dyDescent="0.25">
      <c r="A10" s="51" t="s">
        <v>12</v>
      </c>
      <c r="B10" s="52" t="s">
        <v>75</v>
      </c>
      <c r="C10" s="114" t="s">
        <v>46</v>
      </c>
      <c r="D10" s="119">
        <v>604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4" customFormat="1" ht="39.75" customHeight="1" thickBot="1" x14ac:dyDescent="0.3">
      <c r="A11" s="51" t="s">
        <v>13</v>
      </c>
      <c r="B11" s="52" t="s">
        <v>76</v>
      </c>
      <c r="C11" s="114" t="s">
        <v>46</v>
      </c>
      <c r="D11" s="119">
        <v>20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62" s="45" customFormat="1" ht="33" customHeight="1" thickBot="1" x14ac:dyDescent="0.3">
      <c r="A12" s="60"/>
      <c r="B12" s="61"/>
      <c r="C12" s="61"/>
      <c r="D12" s="61"/>
      <c r="E12" s="62"/>
      <c r="F12" s="62"/>
      <c r="G12" s="62"/>
      <c r="H12" s="62"/>
      <c r="I12" s="61"/>
      <c r="J12" s="61"/>
      <c r="K12" s="61"/>
      <c r="L12" s="98">
        <f>SUM(L9:L11)</f>
        <v>0</v>
      </c>
      <c r="M12" s="116">
        <f>SUM(M9:M11)</f>
        <v>0</v>
      </c>
      <c r="O12" s="63"/>
      <c r="P12" s="63"/>
    </row>
    <row r="13" spans="1:62" s="46" customFormat="1" ht="29.25" customHeight="1" x14ac:dyDescent="0.25">
      <c r="A13" s="139" t="s">
        <v>77</v>
      </c>
      <c r="B13" s="139"/>
      <c r="C13" s="139"/>
      <c r="D13" s="139"/>
      <c r="E13" s="139"/>
      <c r="F13" s="139"/>
      <c r="G13" s="139"/>
      <c r="H13" s="139"/>
      <c r="I13" s="139"/>
      <c r="J13" s="139"/>
      <c r="K13" s="139"/>
      <c r="L13" s="64"/>
      <c r="M13" s="64"/>
      <c r="N13" s="64"/>
      <c r="O13" s="64"/>
      <c r="P13" s="64"/>
    </row>
    <row r="14" spans="1:62" s="39" customFormat="1" ht="33" customHeight="1" x14ac:dyDescent="0.25">
      <c r="A14" s="128" t="s">
        <v>24</v>
      </c>
      <c r="B14" s="128" t="s">
        <v>39</v>
      </c>
      <c r="C14" s="128" t="s">
        <v>40</v>
      </c>
      <c r="D14" s="128" t="s">
        <v>30</v>
      </c>
      <c r="E14" s="128" t="s">
        <v>32</v>
      </c>
      <c r="F14" s="128" t="s">
        <v>41</v>
      </c>
      <c r="G14" s="128" t="s">
        <v>42</v>
      </c>
      <c r="H14" s="130" t="s">
        <v>45</v>
      </c>
      <c r="I14" s="131"/>
      <c r="J14" s="131"/>
      <c r="K14" s="132" t="s">
        <v>53</v>
      </c>
      <c r="L14" s="134"/>
      <c r="M14" s="134"/>
      <c r="N14" s="47"/>
      <c r="O14" s="47"/>
      <c r="P14" s="47"/>
    </row>
    <row r="15" spans="1:62" s="39" customFormat="1" ht="22.5" customHeight="1" x14ac:dyDescent="0.25">
      <c r="A15" s="129"/>
      <c r="B15" s="129"/>
      <c r="C15" s="129"/>
      <c r="D15" s="129"/>
      <c r="E15" s="129"/>
      <c r="F15" s="129"/>
      <c r="G15" s="129"/>
      <c r="H15" s="48" t="s">
        <v>26</v>
      </c>
      <c r="I15" s="49" t="s">
        <v>27</v>
      </c>
      <c r="J15" s="92" t="s">
        <v>28</v>
      </c>
      <c r="K15" s="133"/>
      <c r="L15" s="96"/>
      <c r="M15" s="96"/>
      <c r="N15" s="47"/>
      <c r="O15" s="47"/>
      <c r="P15" s="47"/>
    </row>
    <row r="16" spans="1:62" s="111" customFormat="1" ht="14.1" customHeight="1" x14ac:dyDescent="0.25">
      <c r="A16" s="102" t="s">
        <v>0</v>
      </c>
      <c r="B16" s="103" t="s">
        <v>12</v>
      </c>
      <c r="C16" s="103" t="s">
        <v>13</v>
      </c>
      <c r="D16" s="103" t="s">
        <v>14</v>
      </c>
      <c r="E16" s="112" t="s">
        <v>15</v>
      </c>
      <c r="F16" s="104" t="s">
        <v>16</v>
      </c>
      <c r="G16" s="99" t="s">
        <v>17</v>
      </c>
      <c r="H16" s="105" t="s">
        <v>18</v>
      </c>
      <c r="I16" s="106" t="s">
        <v>19</v>
      </c>
      <c r="J16" s="107" t="s">
        <v>35</v>
      </c>
      <c r="K16" s="108" t="s">
        <v>36</v>
      </c>
      <c r="L16" s="117"/>
      <c r="M16" s="117"/>
      <c r="N16" s="109"/>
      <c r="O16" s="109"/>
      <c r="P16" s="109"/>
      <c r="Q16" s="110"/>
      <c r="R16" s="110"/>
      <c r="S16" s="110"/>
      <c r="T16" s="110"/>
      <c r="U16" s="110"/>
      <c r="V16" s="110"/>
      <c r="W16" s="110"/>
      <c r="X16" s="110"/>
      <c r="Y16" s="110"/>
      <c r="Z16" s="110"/>
      <c r="AA16" s="110"/>
      <c r="AB16" s="110"/>
      <c r="AC16" s="110"/>
      <c r="AD16" s="110"/>
      <c r="AE16" s="110"/>
      <c r="AF16" s="110"/>
      <c r="AG16" s="110"/>
      <c r="AH16" s="110"/>
      <c r="AI16" s="110"/>
      <c r="AJ16" s="110"/>
      <c r="AK16" s="110"/>
      <c r="AL16" s="110"/>
      <c r="AM16" s="110"/>
      <c r="AN16" s="110"/>
      <c r="AO16" s="110"/>
      <c r="AP16" s="110"/>
      <c r="AQ16" s="110"/>
      <c r="AR16" s="110"/>
      <c r="AS16" s="110"/>
      <c r="AT16" s="110"/>
      <c r="AU16" s="110"/>
      <c r="AV16" s="110"/>
      <c r="AW16" s="110"/>
      <c r="AX16" s="110"/>
      <c r="AY16" s="110"/>
      <c r="AZ16" s="110"/>
      <c r="BA16" s="110"/>
      <c r="BB16" s="110"/>
      <c r="BC16" s="110"/>
      <c r="BD16" s="110"/>
      <c r="BE16" s="110"/>
      <c r="BF16" s="110"/>
      <c r="BG16" s="110"/>
      <c r="BH16" s="110"/>
      <c r="BI16" s="110"/>
      <c r="BJ16" s="110"/>
    </row>
    <row r="17" spans="1:62" s="40" customFormat="1" ht="33" customHeight="1" x14ac:dyDescent="0.25">
      <c r="A17" s="86" t="s">
        <v>0</v>
      </c>
      <c r="B17" s="65"/>
      <c r="C17" s="66"/>
      <c r="D17" s="84"/>
      <c r="E17" s="84"/>
      <c r="F17" s="84"/>
      <c r="G17" s="84"/>
      <c r="H17" s="67"/>
      <c r="I17" s="68"/>
      <c r="J17" s="93"/>
      <c r="K17" s="135" t="s">
        <v>498</v>
      </c>
      <c r="L17" s="97"/>
      <c r="M17" s="97"/>
      <c r="N17" s="50"/>
      <c r="O17" s="50"/>
      <c r="P17" s="50"/>
    </row>
    <row r="18" spans="1:62" s="40" customFormat="1" ht="33" customHeight="1" x14ac:dyDescent="0.25">
      <c r="A18" s="85" t="s">
        <v>12</v>
      </c>
      <c r="B18" s="69"/>
      <c r="C18" s="70"/>
      <c r="D18" s="85"/>
      <c r="E18" s="85"/>
      <c r="F18" s="85"/>
      <c r="G18" s="86"/>
      <c r="H18" s="71"/>
      <c r="I18" s="72"/>
      <c r="J18" s="94"/>
      <c r="K18" s="136"/>
      <c r="L18" s="97"/>
      <c r="M18" s="97"/>
      <c r="N18" s="50"/>
      <c r="O18" s="50"/>
      <c r="P18" s="50"/>
    </row>
    <row r="19" spans="1:62" s="40" customFormat="1" ht="33" customHeight="1" x14ac:dyDescent="0.25">
      <c r="A19" s="87" t="s">
        <v>13</v>
      </c>
      <c r="B19" s="88"/>
      <c r="C19" s="89"/>
      <c r="D19" s="87"/>
      <c r="E19" s="87"/>
      <c r="F19" s="87"/>
      <c r="G19" s="87"/>
      <c r="H19" s="90"/>
      <c r="I19" s="91"/>
      <c r="J19" s="95"/>
      <c r="K19" s="137"/>
      <c r="L19" s="97"/>
      <c r="M19" s="97"/>
      <c r="N19" s="50"/>
      <c r="O19" s="50"/>
      <c r="P19" s="50"/>
    </row>
    <row r="20" spans="1:62" s="13" customFormat="1" ht="15.75" customHeight="1" x14ac:dyDescent="0.2">
      <c r="A20" s="23"/>
      <c r="B20" s="23"/>
      <c r="C20" s="10"/>
      <c r="D20" s="41"/>
      <c r="F20" s="14"/>
      <c r="G20" s="14"/>
      <c r="H20" s="14"/>
      <c r="I20" s="14"/>
      <c r="J20" s="26"/>
      <c r="K20" s="26"/>
      <c r="L20" s="26"/>
      <c r="M20" s="26"/>
    </row>
    <row r="21" spans="1:62" s="46" customFormat="1" ht="29.25" customHeight="1" x14ac:dyDescent="0.25">
      <c r="A21" s="139" t="s">
        <v>78</v>
      </c>
      <c r="B21" s="139"/>
      <c r="C21" s="139"/>
      <c r="D21" s="139"/>
      <c r="E21" s="139"/>
      <c r="F21" s="139"/>
      <c r="G21" s="139"/>
      <c r="H21" s="139"/>
      <c r="I21" s="139"/>
      <c r="J21" s="139"/>
      <c r="K21" s="139"/>
      <c r="L21" s="64"/>
      <c r="M21" s="64"/>
      <c r="N21" s="64"/>
      <c r="O21" s="64"/>
      <c r="P21" s="64"/>
    </row>
    <row r="22" spans="1:62" s="39" customFormat="1" ht="33" customHeight="1" x14ac:dyDescent="0.25">
      <c r="A22" s="128" t="s">
        <v>24</v>
      </c>
      <c r="B22" s="128" t="s">
        <v>39</v>
      </c>
      <c r="C22" s="128" t="s">
        <v>40</v>
      </c>
      <c r="D22" s="128" t="s">
        <v>30</v>
      </c>
      <c r="E22" s="128" t="s">
        <v>32</v>
      </c>
      <c r="F22" s="128" t="s">
        <v>41</v>
      </c>
      <c r="G22" s="128" t="s">
        <v>42</v>
      </c>
      <c r="H22" s="130" t="s">
        <v>45</v>
      </c>
      <c r="I22" s="131"/>
      <c r="J22" s="131"/>
      <c r="K22" s="132" t="s">
        <v>53</v>
      </c>
      <c r="L22" s="134"/>
      <c r="M22" s="134"/>
      <c r="N22" s="47"/>
      <c r="O22" s="47"/>
      <c r="P22" s="47"/>
    </row>
    <row r="23" spans="1:62" s="39" customFormat="1" ht="22.5" customHeight="1" x14ac:dyDescent="0.25">
      <c r="A23" s="129"/>
      <c r="B23" s="129"/>
      <c r="C23" s="129"/>
      <c r="D23" s="129"/>
      <c r="E23" s="129"/>
      <c r="F23" s="129"/>
      <c r="G23" s="129"/>
      <c r="H23" s="48" t="s">
        <v>26</v>
      </c>
      <c r="I23" s="49" t="s">
        <v>27</v>
      </c>
      <c r="J23" s="92" t="s">
        <v>28</v>
      </c>
      <c r="K23" s="133"/>
      <c r="L23" s="96"/>
      <c r="M23" s="96"/>
      <c r="N23" s="47"/>
      <c r="O23" s="47"/>
      <c r="P23" s="47"/>
    </row>
    <row r="24" spans="1:62" s="111" customFormat="1" ht="14.1" customHeight="1" x14ac:dyDescent="0.25">
      <c r="A24" s="102" t="s">
        <v>0</v>
      </c>
      <c r="B24" s="103" t="s">
        <v>12</v>
      </c>
      <c r="C24" s="103" t="s">
        <v>13</v>
      </c>
      <c r="D24" s="103" t="s">
        <v>14</v>
      </c>
      <c r="E24" s="112" t="s">
        <v>15</v>
      </c>
      <c r="F24" s="104" t="s">
        <v>16</v>
      </c>
      <c r="G24" s="99" t="s">
        <v>17</v>
      </c>
      <c r="H24" s="105" t="s">
        <v>18</v>
      </c>
      <c r="I24" s="106" t="s">
        <v>19</v>
      </c>
      <c r="J24" s="107" t="s">
        <v>35</v>
      </c>
      <c r="K24" s="108" t="s">
        <v>36</v>
      </c>
      <c r="L24" s="117"/>
      <c r="M24" s="117"/>
      <c r="N24" s="109"/>
      <c r="O24" s="109"/>
      <c r="P24" s="109"/>
      <c r="Q24" s="110"/>
      <c r="R24" s="110"/>
      <c r="S24" s="110"/>
      <c r="T24" s="110"/>
      <c r="U24" s="110"/>
      <c r="V24" s="110"/>
      <c r="W24" s="110"/>
      <c r="X24" s="110"/>
      <c r="Y24" s="110"/>
      <c r="Z24" s="110"/>
      <c r="AA24" s="110"/>
      <c r="AB24" s="110"/>
      <c r="AC24" s="110"/>
      <c r="AD24" s="110"/>
      <c r="AE24" s="110"/>
      <c r="AF24" s="110"/>
      <c r="AG24" s="110"/>
      <c r="AH24" s="110"/>
      <c r="AI24" s="110"/>
      <c r="AJ24" s="110"/>
      <c r="AK24" s="110"/>
      <c r="AL24" s="110"/>
      <c r="AM24" s="110"/>
      <c r="AN24" s="110"/>
      <c r="AO24" s="110"/>
      <c r="AP24" s="110"/>
      <c r="AQ24" s="110"/>
      <c r="AR24" s="110"/>
      <c r="AS24" s="110"/>
      <c r="AT24" s="110"/>
      <c r="AU24" s="110"/>
      <c r="AV24" s="110"/>
      <c r="AW24" s="110"/>
      <c r="AX24" s="110"/>
      <c r="AY24" s="110"/>
      <c r="AZ24" s="110"/>
      <c r="BA24" s="110"/>
      <c r="BB24" s="110"/>
      <c r="BC24" s="110"/>
      <c r="BD24" s="110"/>
      <c r="BE24" s="110"/>
      <c r="BF24" s="110"/>
      <c r="BG24" s="110"/>
      <c r="BH24" s="110"/>
      <c r="BI24" s="110"/>
      <c r="BJ24" s="110"/>
    </row>
    <row r="25" spans="1:62" s="40" customFormat="1" ht="33" customHeight="1" x14ac:dyDescent="0.25">
      <c r="A25" s="86" t="s">
        <v>0</v>
      </c>
      <c r="B25" s="65"/>
      <c r="C25" s="66"/>
      <c r="D25" s="84"/>
      <c r="E25" s="84"/>
      <c r="F25" s="84"/>
      <c r="G25" s="84"/>
      <c r="H25" s="67"/>
      <c r="I25" s="68"/>
      <c r="J25" s="93"/>
      <c r="K25" s="135" t="s">
        <v>499</v>
      </c>
      <c r="L25" s="97"/>
      <c r="M25" s="97"/>
      <c r="N25" s="50"/>
      <c r="O25" s="50"/>
      <c r="P25" s="50"/>
    </row>
    <row r="26" spans="1:62" s="40" customFormat="1" ht="33" customHeight="1" x14ac:dyDescent="0.25">
      <c r="A26" s="85" t="s">
        <v>12</v>
      </c>
      <c r="B26" s="69"/>
      <c r="C26" s="70"/>
      <c r="D26" s="85"/>
      <c r="E26" s="85"/>
      <c r="F26" s="85"/>
      <c r="G26" s="86"/>
      <c r="H26" s="71"/>
      <c r="I26" s="72"/>
      <c r="J26" s="94"/>
      <c r="K26" s="136"/>
      <c r="L26" s="97"/>
      <c r="M26" s="97"/>
      <c r="N26" s="50"/>
      <c r="O26" s="50"/>
      <c r="P26" s="50"/>
    </row>
    <row r="27" spans="1:62" s="40" customFormat="1" ht="33" customHeight="1" x14ac:dyDescent="0.25">
      <c r="A27" s="87" t="s">
        <v>13</v>
      </c>
      <c r="B27" s="88"/>
      <c r="C27" s="89"/>
      <c r="D27" s="87"/>
      <c r="E27" s="87"/>
      <c r="F27" s="87"/>
      <c r="G27" s="87"/>
      <c r="H27" s="90"/>
      <c r="I27" s="91"/>
      <c r="J27" s="95"/>
      <c r="K27" s="137"/>
      <c r="L27" s="97"/>
      <c r="M27" s="97"/>
      <c r="N27" s="50"/>
      <c r="O27" s="50"/>
      <c r="P27" s="50"/>
    </row>
    <row r="28" spans="1:62" s="45" customFormat="1" ht="33" customHeight="1" x14ac:dyDescent="0.25">
      <c r="A28" s="60"/>
      <c r="B28" s="61"/>
      <c r="C28" s="61"/>
      <c r="D28" s="61"/>
      <c r="E28" s="62"/>
      <c r="F28" s="62"/>
      <c r="G28" s="62"/>
      <c r="H28" s="62"/>
      <c r="I28" s="61"/>
      <c r="J28" s="61"/>
      <c r="K28" s="61"/>
      <c r="L28" s="127"/>
      <c r="M28" s="127"/>
      <c r="O28" s="63"/>
      <c r="P28" s="63"/>
    </row>
    <row r="29" spans="1:62" s="46" customFormat="1" ht="29.25" customHeight="1" x14ac:dyDescent="0.25">
      <c r="A29" s="139" t="s">
        <v>79</v>
      </c>
      <c r="B29" s="139"/>
      <c r="C29" s="139"/>
      <c r="D29" s="139"/>
      <c r="E29" s="139"/>
      <c r="F29" s="139"/>
      <c r="G29" s="139"/>
      <c r="H29" s="139"/>
      <c r="I29" s="139"/>
      <c r="J29" s="139"/>
      <c r="K29" s="139"/>
      <c r="L29" s="64"/>
      <c r="M29" s="64"/>
      <c r="N29" s="64"/>
      <c r="O29" s="64"/>
      <c r="P29" s="64"/>
    </row>
    <row r="30" spans="1:62" s="39" customFormat="1" ht="33" customHeight="1" x14ac:dyDescent="0.25">
      <c r="A30" s="128" t="s">
        <v>24</v>
      </c>
      <c r="B30" s="128" t="s">
        <v>39</v>
      </c>
      <c r="C30" s="128" t="s">
        <v>40</v>
      </c>
      <c r="D30" s="128" t="s">
        <v>30</v>
      </c>
      <c r="E30" s="128" t="s">
        <v>32</v>
      </c>
      <c r="F30" s="128" t="s">
        <v>41</v>
      </c>
      <c r="G30" s="128" t="s">
        <v>42</v>
      </c>
      <c r="H30" s="130" t="s">
        <v>45</v>
      </c>
      <c r="I30" s="131"/>
      <c r="J30" s="131"/>
      <c r="K30" s="132" t="s">
        <v>53</v>
      </c>
      <c r="L30" s="134"/>
      <c r="M30" s="134"/>
      <c r="N30" s="47"/>
      <c r="O30" s="47"/>
      <c r="P30" s="47"/>
    </row>
    <row r="31" spans="1:62" s="39" customFormat="1" ht="22.5" customHeight="1" x14ac:dyDescent="0.25">
      <c r="A31" s="129"/>
      <c r="B31" s="129"/>
      <c r="C31" s="129"/>
      <c r="D31" s="129"/>
      <c r="E31" s="129"/>
      <c r="F31" s="129"/>
      <c r="G31" s="129"/>
      <c r="H31" s="48" t="s">
        <v>26</v>
      </c>
      <c r="I31" s="49" t="s">
        <v>27</v>
      </c>
      <c r="J31" s="92" t="s">
        <v>28</v>
      </c>
      <c r="K31" s="133"/>
      <c r="L31" s="96"/>
      <c r="M31" s="96"/>
      <c r="N31" s="47"/>
      <c r="O31" s="47"/>
      <c r="P31" s="47"/>
    </row>
    <row r="32" spans="1:62" s="111" customFormat="1" ht="14.1" customHeight="1" x14ac:dyDescent="0.25">
      <c r="A32" s="102" t="s">
        <v>0</v>
      </c>
      <c r="B32" s="103" t="s">
        <v>12</v>
      </c>
      <c r="C32" s="103" t="s">
        <v>13</v>
      </c>
      <c r="D32" s="103" t="s">
        <v>14</v>
      </c>
      <c r="E32" s="112" t="s">
        <v>15</v>
      </c>
      <c r="F32" s="104" t="s">
        <v>16</v>
      </c>
      <c r="G32" s="99" t="s">
        <v>17</v>
      </c>
      <c r="H32" s="105" t="s">
        <v>18</v>
      </c>
      <c r="I32" s="106" t="s">
        <v>19</v>
      </c>
      <c r="J32" s="107" t="s">
        <v>35</v>
      </c>
      <c r="K32" s="108" t="s">
        <v>36</v>
      </c>
      <c r="L32" s="117"/>
      <c r="M32" s="117"/>
      <c r="N32" s="109"/>
      <c r="O32" s="109"/>
      <c r="P32" s="109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/>
      <c r="BH32" s="110"/>
      <c r="BI32" s="110"/>
      <c r="BJ32" s="110"/>
    </row>
    <row r="33" spans="1:16" s="40" customFormat="1" ht="33" customHeight="1" x14ac:dyDescent="0.25">
      <c r="A33" s="86" t="s">
        <v>0</v>
      </c>
      <c r="B33" s="65"/>
      <c r="C33" s="66"/>
      <c r="D33" s="84"/>
      <c r="E33" s="84"/>
      <c r="F33" s="84"/>
      <c r="G33" s="84"/>
      <c r="H33" s="67"/>
      <c r="I33" s="68"/>
      <c r="J33" s="93"/>
      <c r="K33" s="135" t="s">
        <v>80</v>
      </c>
      <c r="L33" s="97"/>
      <c r="M33" s="97"/>
      <c r="N33" s="50"/>
      <c r="O33" s="50"/>
      <c r="P33" s="50"/>
    </row>
    <row r="34" spans="1:16" s="40" customFormat="1" ht="33" customHeight="1" x14ac:dyDescent="0.25">
      <c r="A34" s="85" t="s">
        <v>12</v>
      </c>
      <c r="B34" s="69"/>
      <c r="C34" s="70"/>
      <c r="D34" s="85"/>
      <c r="E34" s="85"/>
      <c r="F34" s="85"/>
      <c r="G34" s="86"/>
      <c r="H34" s="71"/>
      <c r="I34" s="72"/>
      <c r="J34" s="94"/>
      <c r="K34" s="136"/>
      <c r="L34" s="97"/>
      <c r="M34" s="97"/>
      <c r="N34" s="50"/>
      <c r="O34" s="50"/>
      <c r="P34" s="50"/>
    </row>
    <row r="35" spans="1:16" s="40" customFormat="1" ht="33" customHeight="1" x14ac:dyDescent="0.25">
      <c r="A35" s="87" t="s">
        <v>13</v>
      </c>
      <c r="B35" s="88"/>
      <c r="C35" s="89"/>
      <c r="D35" s="87"/>
      <c r="E35" s="87"/>
      <c r="F35" s="87"/>
      <c r="G35" s="87"/>
      <c r="H35" s="90"/>
      <c r="I35" s="91"/>
      <c r="J35" s="95"/>
      <c r="K35" s="137"/>
      <c r="L35" s="97"/>
      <c r="M35" s="97"/>
      <c r="N35" s="50"/>
      <c r="O35" s="50"/>
      <c r="P35" s="50"/>
    </row>
    <row r="36" spans="1:16" s="13" customFormat="1" ht="15.75" customHeight="1" x14ac:dyDescent="0.2">
      <c r="A36" s="23"/>
      <c r="B36" s="23"/>
      <c r="C36" s="10"/>
      <c r="D36" s="41"/>
      <c r="F36" s="14"/>
      <c r="G36" s="14"/>
      <c r="H36" s="14"/>
      <c r="I36" s="14"/>
      <c r="J36" s="26"/>
      <c r="K36" s="26"/>
      <c r="L36" s="26"/>
      <c r="M36" s="26"/>
    </row>
    <row r="37" spans="1:16" s="40" customFormat="1" ht="33" customHeight="1" x14ac:dyDescent="0.25">
      <c r="A37" s="73"/>
      <c r="B37" s="74"/>
      <c r="C37" s="74"/>
      <c r="D37" s="73"/>
      <c r="E37" s="73"/>
      <c r="F37" s="73"/>
      <c r="G37" s="73"/>
      <c r="H37" s="75"/>
      <c r="I37" s="76"/>
      <c r="J37" s="75"/>
      <c r="K37" s="120"/>
      <c r="L37" s="97"/>
      <c r="M37" s="97"/>
      <c r="N37" s="50"/>
      <c r="O37" s="50"/>
      <c r="P37" s="50"/>
    </row>
    <row r="38" spans="1:16" s="18" customFormat="1" ht="20.100000000000001" customHeight="1" x14ac:dyDescent="0.2">
      <c r="A38" s="42" t="s">
        <v>3</v>
      </c>
      <c r="B38" s="42"/>
      <c r="C38" s="141"/>
      <c r="D38" s="141"/>
      <c r="E38" s="25"/>
      <c r="F38" s="17"/>
      <c r="G38" s="17"/>
      <c r="H38" s="17"/>
      <c r="I38" s="17"/>
      <c r="J38" s="17"/>
      <c r="K38" s="26"/>
      <c r="L38" s="26"/>
    </row>
    <row r="39" spans="1:16" s="18" customFormat="1" ht="20.100000000000001" customHeight="1" x14ac:dyDescent="0.2">
      <c r="A39" s="42" t="s">
        <v>4</v>
      </c>
      <c r="B39" s="42"/>
      <c r="C39" s="140"/>
      <c r="D39" s="140"/>
      <c r="E39" s="20"/>
      <c r="F39" s="17"/>
      <c r="G39" s="17"/>
      <c r="H39" s="17"/>
      <c r="I39" s="17"/>
      <c r="J39" s="17"/>
      <c r="K39" s="21"/>
      <c r="L39" s="22"/>
    </row>
    <row r="40" spans="1:16" s="18" customFormat="1" ht="20.100000000000001" customHeight="1" x14ac:dyDescent="0.2">
      <c r="A40" s="42" t="s">
        <v>5</v>
      </c>
      <c r="B40" s="42"/>
      <c r="C40" s="140"/>
      <c r="D40" s="140"/>
      <c r="E40" s="20"/>
      <c r="F40" s="17"/>
      <c r="G40" s="17"/>
      <c r="H40" s="17"/>
      <c r="I40" s="17"/>
      <c r="J40" s="17"/>
      <c r="K40" s="21"/>
      <c r="L40" s="22"/>
    </row>
    <row r="41" spans="1:16" s="18" customFormat="1" ht="20.100000000000001" customHeight="1" x14ac:dyDescent="0.25">
      <c r="A41" s="42"/>
      <c r="B41" s="42"/>
      <c r="C41" s="42"/>
      <c r="D41" s="19"/>
      <c r="E41" s="20"/>
      <c r="F41" s="17"/>
      <c r="G41" s="17"/>
      <c r="H41" s="17"/>
      <c r="I41" s="17"/>
      <c r="J41" s="17"/>
      <c r="K41" s="21"/>
      <c r="L41" s="22"/>
    </row>
    <row r="42" spans="1:16" s="18" customFormat="1" ht="20.100000000000001" customHeight="1" x14ac:dyDescent="0.2">
      <c r="A42" s="42" t="s">
        <v>6</v>
      </c>
      <c r="B42" s="42"/>
      <c r="C42" s="141"/>
      <c r="D42" s="141"/>
      <c r="E42" s="20"/>
      <c r="F42" s="17"/>
      <c r="G42" s="17"/>
      <c r="H42" s="17"/>
      <c r="I42" s="17"/>
      <c r="J42" s="17"/>
      <c r="K42" s="21"/>
      <c r="L42" s="22"/>
    </row>
    <row r="43" spans="1:16" s="18" customFormat="1" ht="20.100000000000001" customHeight="1" x14ac:dyDescent="0.2">
      <c r="A43" s="42" t="s">
        <v>7</v>
      </c>
      <c r="B43" s="42"/>
      <c r="C43" s="140"/>
      <c r="D43" s="140"/>
      <c r="E43" s="20"/>
      <c r="F43" s="17"/>
      <c r="G43" s="27" t="s">
        <v>20</v>
      </c>
      <c r="H43" s="151"/>
      <c r="I43" s="151"/>
      <c r="J43" s="17"/>
      <c r="K43" s="21"/>
      <c r="L43" s="22"/>
    </row>
    <row r="44" spans="1:16" s="18" customFormat="1" ht="20.100000000000001" customHeight="1" x14ac:dyDescent="0.2">
      <c r="A44" s="42" t="s">
        <v>8</v>
      </c>
      <c r="B44" s="42"/>
      <c r="C44" s="140"/>
      <c r="D44" s="140"/>
      <c r="E44" s="20"/>
      <c r="F44" s="17"/>
      <c r="G44" s="28"/>
      <c r="H44" s="29"/>
      <c r="I44" s="29"/>
    </row>
    <row r="45" spans="1:16" s="18" customFormat="1" ht="20.100000000000001" customHeight="1" x14ac:dyDescent="0.25">
      <c r="A45" s="19"/>
      <c r="B45" s="19"/>
      <c r="C45" s="19"/>
      <c r="D45" s="20"/>
      <c r="E45" s="20"/>
      <c r="F45" s="17"/>
      <c r="G45" s="30" t="s">
        <v>21</v>
      </c>
      <c r="H45" s="152"/>
      <c r="I45" s="152"/>
    </row>
    <row r="46" spans="1:16" s="18" customFormat="1" ht="20.100000000000001" customHeight="1" x14ac:dyDescent="0.25">
      <c r="A46" s="19"/>
      <c r="B46" s="19"/>
      <c r="C46" s="19"/>
      <c r="D46" s="20"/>
      <c r="E46" s="20"/>
      <c r="F46" s="17"/>
      <c r="G46" s="30" t="s">
        <v>22</v>
      </c>
      <c r="H46" s="150"/>
      <c r="I46" s="150"/>
    </row>
    <row r="47" spans="1:16" s="13" customFormat="1" ht="20.100000000000001" customHeight="1" x14ac:dyDescent="0.2">
      <c r="A47" s="10" t="s">
        <v>2</v>
      </c>
      <c r="B47" s="140"/>
      <c r="C47" s="140"/>
      <c r="D47" s="11"/>
      <c r="E47" s="11"/>
      <c r="F47" s="14"/>
      <c r="G47" s="31" t="s">
        <v>23</v>
      </c>
      <c r="H47" s="28"/>
      <c r="I47" s="32"/>
      <c r="M47" s="10"/>
    </row>
    <row r="48" spans="1:16" s="13" customFormat="1" ht="20.100000000000001" customHeight="1" x14ac:dyDescent="0.2">
      <c r="A48" s="10" t="s">
        <v>1</v>
      </c>
      <c r="B48" s="149"/>
      <c r="C48" s="149"/>
      <c r="D48" s="11"/>
      <c r="E48" s="11"/>
      <c r="F48" s="14"/>
      <c r="G48" s="14"/>
      <c r="H48" s="14"/>
      <c r="I48" s="14"/>
      <c r="M48" s="10"/>
    </row>
    <row r="49" spans="1:13" s="13" customFormat="1" x14ac:dyDescent="0.2">
      <c r="A49" s="10"/>
      <c r="B49" s="10"/>
      <c r="C49" s="10"/>
      <c r="D49" s="11"/>
      <c r="E49" s="11"/>
      <c r="F49" s="14"/>
      <c r="G49" s="14"/>
      <c r="H49" s="14"/>
      <c r="I49" s="14"/>
      <c r="J49" s="14"/>
      <c r="K49" s="12"/>
      <c r="L49" s="10"/>
      <c r="M49" s="10"/>
    </row>
    <row r="50" spans="1:13" s="13" customFormat="1" ht="15" customHeight="1" x14ac:dyDescent="0.2">
      <c r="A50" s="10"/>
      <c r="B50" s="10"/>
      <c r="D50" s="11"/>
      <c r="E50" s="11"/>
      <c r="F50" s="14"/>
      <c r="G50" s="14"/>
      <c r="H50" s="14"/>
      <c r="I50" s="14"/>
      <c r="J50" s="14"/>
      <c r="K50" s="12"/>
      <c r="L50" s="10"/>
      <c r="M50" s="10"/>
    </row>
    <row r="51" spans="1:13" s="2" customFormat="1" x14ac:dyDescent="0.2">
      <c r="A51" s="148" t="s">
        <v>10</v>
      </c>
      <c r="B51" s="148"/>
      <c r="D51" s="3"/>
      <c r="E51" s="3"/>
      <c r="F51" s="4"/>
      <c r="G51" s="4"/>
      <c r="H51" s="4"/>
      <c r="I51" s="4"/>
      <c r="J51" s="4"/>
      <c r="K51" s="15"/>
    </row>
    <row r="52" spans="1:13" ht="14.25" x14ac:dyDescent="0.2">
      <c r="A52" s="33"/>
      <c r="B52" s="34" t="s">
        <v>11</v>
      </c>
    </row>
    <row r="53" spans="1:13" ht="6.75" customHeight="1" x14ac:dyDescent="0.2">
      <c r="A53" s="35"/>
      <c r="B53" s="36"/>
    </row>
  </sheetData>
  <mergeCells count="60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3:K13"/>
    <mergeCell ref="A14:A15"/>
    <mergeCell ref="B14:B15"/>
    <mergeCell ref="C14:C15"/>
    <mergeCell ref="D14:D15"/>
    <mergeCell ref="E14:E15"/>
    <mergeCell ref="F14:F15"/>
    <mergeCell ref="G14:G15"/>
    <mergeCell ref="K25:K27"/>
    <mergeCell ref="H14:J14"/>
    <mergeCell ref="K14:K15"/>
    <mergeCell ref="L14:M14"/>
    <mergeCell ref="K17:K19"/>
    <mergeCell ref="A21:K21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L22:M22"/>
    <mergeCell ref="A29:K29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C38:D38"/>
    <mergeCell ref="C39:D39"/>
    <mergeCell ref="C40:D40"/>
    <mergeCell ref="C42:D42"/>
    <mergeCell ref="L30:M30"/>
    <mergeCell ref="K33:K35"/>
    <mergeCell ref="B48:C48"/>
    <mergeCell ref="A51:B51"/>
    <mergeCell ref="C43:D43"/>
    <mergeCell ref="H43:I43"/>
    <mergeCell ref="C44:D44"/>
    <mergeCell ref="H45:I45"/>
    <mergeCell ref="H46:I46"/>
    <mergeCell ref="B47:C47"/>
  </mergeCells>
  <conditionalFormatting sqref="B47:C47">
    <cfRule type="containsBlanks" dxfId="353" priority="6">
      <formula>LEN(TRIM(B47))=0</formula>
    </cfRule>
  </conditionalFormatting>
  <conditionalFormatting sqref="B48:C48">
    <cfRule type="containsBlanks" dxfId="352" priority="5">
      <formula>LEN(TRIM(B48))=0</formula>
    </cfRule>
  </conditionalFormatting>
  <conditionalFormatting sqref="H45:I45">
    <cfRule type="containsBlanks" dxfId="351" priority="4">
      <formula>LEN(TRIM(H45))=0</formula>
    </cfRule>
  </conditionalFormatting>
  <conditionalFormatting sqref="H46:I46">
    <cfRule type="containsBlanks" dxfId="350" priority="3">
      <formula>LEN(TRIM(H46))=0</formula>
    </cfRule>
  </conditionalFormatting>
  <conditionalFormatting sqref="C38:D40">
    <cfRule type="containsBlanks" dxfId="349" priority="2">
      <formula>LEN(TRIM(C38))=0</formula>
    </cfRule>
  </conditionalFormatting>
  <conditionalFormatting sqref="C42:D44">
    <cfRule type="containsBlanks" dxfId="348" priority="1">
      <formula>LEN(TRIM(C42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20" max="12" man="1"/>
  </rowBreaks>
  <colBreaks count="1" manualBreakCount="1">
    <brk id="13" max="28" man="1"/>
  </colBreaks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99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00</v>
      </c>
      <c r="C9" s="114" t="s">
        <v>46</v>
      </c>
      <c r="D9" s="119">
        <v>20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201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202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191" priority="6">
      <formula>LEN(TRIM(B28))=0</formula>
    </cfRule>
  </conditionalFormatting>
  <conditionalFormatting sqref="B29:C29">
    <cfRule type="containsBlanks" dxfId="190" priority="5">
      <formula>LEN(TRIM(B29))=0</formula>
    </cfRule>
  </conditionalFormatting>
  <conditionalFormatting sqref="H26:I26">
    <cfRule type="containsBlanks" dxfId="189" priority="4">
      <formula>LEN(TRIM(H26))=0</formula>
    </cfRule>
  </conditionalFormatting>
  <conditionalFormatting sqref="H27:I27">
    <cfRule type="containsBlanks" dxfId="188" priority="3">
      <formula>LEN(TRIM(H27))=0</formula>
    </cfRule>
  </conditionalFormatting>
  <conditionalFormatting sqref="C19:D21">
    <cfRule type="containsBlanks" dxfId="187" priority="2">
      <formula>LEN(TRIM(C19))=0</formula>
    </cfRule>
  </conditionalFormatting>
  <conditionalFormatting sqref="C23:D25">
    <cfRule type="containsBlanks" dxfId="18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203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04</v>
      </c>
      <c r="C9" s="114" t="s">
        <v>46</v>
      </c>
      <c r="D9" s="119">
        <v>1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205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185" priority="6">
      <formula>LEN(TRIM(B28))=0</formula>
    </cfRule>
  </conditionalFormatting>
  <conditionalFormatting sqref="B29:C29">
    <cfRule type="containsBlanks" dxfId="184" priority="5">
      <formula>LEN(TRIM(B29))=0</formula>
    </cfRule>
  </conditionalFormatting>
  <conditionalFormatting sqref="H26:I26">
    <cfRule type="containsBlanks" dxfId="183" priority="4">
      <formula>LEN(TRIM(H26))=0</formula>
    </cfRule>
  </conditionalFormatting>
  <conditionalFormatting sqref="H27:I27">
    <cfRule type="containsBlanks" dxfId="182" priority="3">
      <formula>LEN(TRIM(H27))=0</formula>
    </cfRule>
  </conditionalFormatting>
  <conditionalFormatting sqref="C19:D21">
    <cfRule type="containsBlanks" dxfId="181" priority="2">
      <formula>LEN(TRIM(C19))=0</formula>
    </cfRule>
  </conditionalFormatting>
  <conditionalFormatting sqref="C23:D25">
    <cfRule type="containsBlanks" dxfId="18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72"/>
  <sheetViews>
    <sheetView showGridLines="0" topLeftCell="A2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47" t="s">
        <v>206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207</v>
      </c>
      <c r="C9" s="114" t="s">
        <v>46</v>
      </c>
      <c r="D9" s="119">
        <v>1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208</v>
      </c>
      <c r="C10" s="114" t="s">
        <v>46</v>
      </c>
      <c r="D10" s="119">
        <v>4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209</v>
      </c>
      <c r="C11" s="114" t="s">
        <v>46</v>
      </c>
      <c r="D11" s="119">
        <v>6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210</v>
      </c>
      <c r="C12" s="114" t="s">
        <v>46</v>
      </c>
      <c r="D12" s="119">
        <v>16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thickBot="1" x14ac:dyDescent="0.3">
      <c r="A13" s="51" t="s">
        <v>15</v>
      </c>
      <c r="B13" s="52" t="s">
        <v>211</v>
      </c>
      <c r="C13" s="114" t="s">
        <v>46</v>
      </c>
      <c r="D13" s="119">
        <v>16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5" customFormat="1" ht="33" customHeight="1" thickBot="1" x14ac:dyDescent="0.3">
      <c r="A14" s="60"/>
      <c r="B14" s="61"/>
      <c r="C14" s="61"/>
      <c r="D14" s="61"/>
      <c r="E14" s="62"/>
      <c r="F14" s="62"/>
      <c r="G14" s="62"/>
      <c r="H14" s="62"/>
      <c r="I14" s="61"/>
      <c r="J14" s="61"/>
      <c r="K14" s="61"/>
      <c r="L14" s="98">
        <f>SUM(L9:L13)</f>
        <v>0</v>
      </c>
      <c r="M14" s="116">
        <f>SUM(M9:M13)</f>
        <v>0</v>
      </c>
      <c r="O14" s="63"/>
      <c r="P14" s="63"/>
    </row>
    <row r="15" spans="1:22" s="46" customFormat="1" ht="29.25" customHeight="1" x14ac:dyDescent="0.25">
      <c r="A15" s="139" t="s">
        <v>212</v>
      </c>
      <c r="B15" s="139"/>
      <c r="C15" s="139"/>
      <c r="D15" s="139"/>
      <c r="E15" s="139"/>
      <c r="F15" s="139"/>
      <c r="G15" s="139"/>
      <c r="H15" s="139"/>
      <c r="I15" s="139"/>
      <c r="J15" s="139"/>
      <c r="K15" s="139"/>
      <c r="L15" s="64"/>
      <c r="M15" s="64"/>
      <c r="N15" s="64"/>
      <c r="O15" s="64"/>
      <c r="P15" s="64"/>
    </row>
    <row r="16" spans="1:22" s="39" customFormat="1" ht="33" customHeight="1" x14ac:dyDescent="0.25">
      <c r="A16" s="128" t="s">
        <v>24</v>
      </c>
      <c r="B16" s="128" t="s">
        <v>39</v>
      </c>
      <c r="C16" s="128" t="s">
        <v>40</v>
      </c>
      <c r="D16" s="128" t="s">
        <v>30</v>
      </c>
      <c r="E16" s="128" t="s">
        <v>32</v>
      </c>
      <c r="F16" s="128" t="s">
        <v>41</v>
      </c>
      <c r="G16" s="128" t="s">
        <v>42</v>
      </c>
      <c r="H16" s="130" t="s">
        <v>45</v>
      </c>
      <c r="I16" s="131"/>
      <c r="J16" s="131"/>
      <c r="K16" s="132" t="s">
        <v>53</v>
      </c>
      <c r="L16" s="134"/>
      <c r="M16" s="134"/>
      <c r="N16" s="47"/>
      <c r="O16" s="47"/>
      <c r="P16" s="47"/>
    </row>
    <row r="17" spans="1:62" s="39" customFormat="1" ht="22.5" customHeight="1" x14ac:dyDescent="0.25">
      <c r="A17" s="129"/>
      <c r="B17" s="129"/>
      <c r="C17" s="129"/>
      <c r="D17" s="129"/>
      <c r="E17" s="129"/>
      <c r="F17" s="129"/>
      <c r="G17" s="129"/>
      <c r="H17" s="48" t="s">
        <v>26</v>
      </c>
      <c r="I17" s="49" t="s">
        <v>27</v>
      </c>
      <c r="J17" s="92" t="s">
        <v>28</v>
      </c>
      <c r="K17" s="133"/>
      <c r="L17" s="96"/>
      <c r="M17" s="96"/>
      <c r="N17" s="47"/>
      <c r="O17" s="47"/>
      <c r="P17" s="47"/>
    </row>
    <row r="18" spans="1:62" s="111" customFormat="1" ht="14.1" customHeight="1" x14ac:dyDescent="0.25">
      <c r="A18" s="102" t="s">
        <v>0</v>
      </c>
      <c r="B18" s="103" t="s">
        <v>12</v>
      </c>
      <c r="C18" s="103" t="s">
        <v>13</v>
      </c>
      <c r="D18" s="103" t="s">
        <v>14</v>
      </c>
      <c r="E18" s="112" t="s">
        <v>15</v>
      </c>
      <c r="F18" s="104" t="s">
        <v>16</v>
      </c>
      <c r="G18" s="99" t="s">
        <v>17</v>
      </c>
      <c r="H18" s="105" t="s">
        <v>18</v>
      </c>
      <c r="I18" s="106" t="s">
        <v>19</v>
      </c>
      <c r="J18" s="107" t="s">
        <v>35</v>
      </c>
      <c r="K18" s="108" t="s">
        <v>36</v>
      </c>
      <c r="L18" s="117"/>
      <c r="M18" s="117"/>
      <c r="N18" s="109"/>
      <c r="O18" s="109"/>
      <c r="P18" s="109"/>
      <c r="Q18" s="110"/>
      <c r="R18" s="110"/>
      <c r="S18" s="110"/>
      <c r="T18" s="110"/>
      <c r="U18" s="110"/>
      <c r="V18" s="110"/>
      <c r="W18" s="110"/>
      <c r="X18" s="110"/>
      <c r="Y18" s="110"/>
      <c r="Z18" s="110"/>
      <c r="AA18" s="110"/>
      <c r="AB18" s="110"/>
      <c r="AC18" s="110"/>
      <c r="AD18" s="110"/>
      <c r="AE18" s="110"/>
      <c r="AF18" s="110"/>
      <c r="AG18" s="110"/>
      <c r="AH18" s="110"/>
      <c r="AI18" s="110"/>
      <c r="AJ18" s="110"/>
      <c r="AK18" s="110"/>
      <c r="AL18" s="110"/>
      <c r="AM18" s="110"/>
      <c r="AN18" s="110"/>
      <c r="AO18" s="110"/>
      <c r="AP18" s="110"/>
      <c r="AQ18" s="110"/>
      <c r="AR18" s="110"/>
      <c r="AS18" s="110"/>
      <c r="AT18" s="110"/>
      <c r="AU18" s="110"/>
      <c r="AV18" s="110"/>
      <c r="AW18" s="110"/>
      <c r="AX18" s="110"/>
      <c r="AY18" s="110"/>
      <c r="AZ18" s="110"/>
      <c r="BA18" s="110"/>
      <c r="BB18" s="110"/>
      <c r="BC18" s="110"/>
      <c r="BD18" s="110"/>
      <c r="BE18" s="110"/>
      <c r="BF18" s="110"/>
      <c r="BG18" s="110"/>
      <c r="BH18" s="110"/>
      <c r="BI18" s="110"/>
      <c r="BJ18" s="110"/>
    </row>
    <row r="19" spans="1:62" s="40" customFormat="1" ht="33" customHeight="1" x14ac:dyDescent="0.25">
      <c r="A19" s="86" t="s">
        <v>0</v>
      </c>
      <c r="B19" s="65"/>
      <c r="C19" s="66"/>
      <c r="D19" s="84"/>
      <c r="E19" s="84"/>
      <c r="F19" s="84"/>
      <c r="G19" s="84"/>
      <c r="H19" s="67"/>
      <c r="I19" s="68"/>
      <c r="J19" s="93"/>
      <c r="K19" s="135" t="s">
        <v>95</v>
      </c>
      <c r="L19" s="97"/>
      <c r="M19" s="97"/>
      <c r="N19" s="50"/>
      <c r="O19" s="50"/>
      <c r="P19" s="50"/>
    </row>
    <row r="20" spans="1:62" s="40" customFormat="1" ht="33" customHeight="1" x14ac:dyDescent="0.25">
      <c r="A20" s="85" t="s">
        <v>12</v>
      </c>
      <c r="B20" s="69"/>
      <c r="C20" s="70"/>
      <c r="D20" s="85"/>
      <c r="E20" s="85"/>
      <c r="F20" s="85"/>
      <c r="G20" s="86"/>
      <c r="H20" s="71"/>
      <c r="I20" s="72"/>
      <c r="J20" s="94"/>
      <c r="K20" s="136"/>
      <c r="L20" s="97"/>
      <c r="M20" s="97"/>
      <c r="N20" s="50"/>
      <c r="O20" s="50"/>
      <c r="P20" s="50"/>
    </row>
    <row r="21" spans="1:62" s="40" customFormat="1" ht="33" customHeight="1" x14ac:dyDescent="0.25">
      <c r="A21" s="87" t="s">
        <v>13</v>
      </c>
      <c r="B21" s="88"/>
      <c r="C21" s="89"/>
      <c r="D21" s="87"/>
      <c r="E21" s="87"/>
      <c r="F21" s="87"/>
      <c r="G21" s="87"/>
      <c r="H21" s="90"/>
      <c r="I21" s="91"/>
      <c r="J21" s="95"/>
      <c r="K21" s="137"/>
      <c r="L21" s="97"/>
      <c r="M21" s="97"/>
      <c r="N21" s="50"/>
      <c r="O21" s="50"/>
      <c r="P21" s="50"/>
    </row>
    <row r="22" spans="1:62" s="13" customFormat="1" ht="15.75" customHeight="1" x14ac:dyDescent="0.2">
      <c r="A22" s="23"/>
      <c r="B22" s="23"/>
      <c r="C22" s="10"/>
      <c r="D22" s="41"/>
      <c r="F22" s="14"/>
      <c r="G22" s="14"/>
      <c r="H22" s="14"/>
      <c r="I22" s="14"/>
      <c r="J22" s="26"/>
      <c r="K22" s="26"/>
      <c r="L22" s="26"/>
      <c r="M22" s="26"/>
    </row>
    <row r="23" spans="1:62" s="46" customFormat="1" ht="29.25" customHeight="1" x14ac:dyDescent="0.25">
      <c r="A23" s="139" t="s">
        <v>213</v>
      </c>
      <c r="B23" s="139"/>
      <c r="C23" s="139"/>
      <c r="D23" s="139"/>
      <c r="E23" s="139"/>
      <c r="F23" s="139"/>
      <c r="G23" s="139"/>
      <c r="H23" s="139"/>
      <c r="I23" s="139"/>
      <c r="J23" s="139"/>
      <c r="K23" s="139"/>
      <c r="L23" s="64"/>
      <c r="M23" s="64"/>
      <c r="N23" s="64"/>
      <c r="O23" s="64"/>
      <c r="P23" s="64"/>
    </row>
    <row r="24" spans="1:62" s="39" customFormat="1" ht="33" customHeight="1" x14ac:dyDescent="0.25">
      <c r="A24" s="128" t="s">
        <v>24</v>
      </c>
      <c r="B24" s="128" t="s">
        <v>39</v>
      </c>
      <c r="C24" s="128" t="s">
        <v>40</v>
      </c>
      <c r="D24" s="128" t="s">
        <v>30</v>
      </c>
      <c r="E24" s="128" t="s">
        <v>32</v>
      </c>
      <c r="F24" s="128" t="s">
        <v>41</v>
      </c>
      <c r="G24" s="128" t="s">
        <v>42</v>
      </c>
      <c r="H24" s="130" t="s">
        <v>45</v>
      </c>
      <c r="I24" s="131"/>
      <c r="J24" s="131"/>
      <c r="K24" s="132" t="s">
        <v>53</v>
      </c>
      <c r="L24" s="134"/>
      <c r="M24" s="134"/>
      <c r="N24" s="47"/>
      <c r="O24" s="47"/>
      <c r="P24" s="47"/>
    </row>
    <row r="25" spans="1:62" s="39" customFormat="1" ht="22.5" customHeight="1" x14ac:dyDescent="0.25">
      <c r="A25" s="129"/>
      <c r="B25" s="129"/>
      <c r="C25" s="129"/>
      <c r="D25" s="129"/>
      <c r="E25" s="129"/>
      <c r="F25" s="129"/>
      <c r="G25" s="129"/>
      <c r="H25" s="48" t="s">
        <v>26</v>
      </c>
      <c r="I25" s="49" t="s">
        <v>27</v>
      </c>
      <c r="J25" s="92" t="s">
        <v>28</v>
      </c>
      <c r="K25" s="133"/>
      <c r="L25" s="96"/>
      <c r="M25" s="96"/>
      <c r="N25" s="47"/>
      <c r="O25" s="47"/>
      <c r="P25" s="47"/>
    </row>
    <row r="26" spans="1:62" s="111" customFormat="1" ht="14.1" customHeight="1" x14ac:dyDescent="0.25">
      <c r="A26" s="102" t="s">
        <v>0</v>
      </c>
      <c r="B26" s="103" t="s">
        <v>12</v>
      </c>
      <c r="C26" s="103" t="s">
        <v>13</v>
      </c>
      <c r="D26" s="103" t="s">
        <v>14</v>
      </c>
      <c r="E26" s="112" t="s">
        <v>15</v>
      </c>
      <c r="F26" s="104" t="s">
        <v>16</v>
      </c>
      <c r="G26" s="99" t="s">
        <v>17</v>
      </c>
      <c r="H26" s="105" t="s">
        <v>18</v>
      </c>
      <c r="I26" s="106" t="s">
        <v>19</v>
      </c>
      <c r="J26" s="107" t="s">
        <v>35</v>
      </c>
      <c r="K26" s="108" t="s">
        <v>36</v>
      </c>
      <c r="L26" s="117"/>
      <c r="M26" s="117"/>
      <c r="N26" s="109"/>
      <c r="O26" s="109"/>
      <c r="P26" s="109"/>
      <c r="Q26" s="110"/>
      <c r="R26" s="110"/>
      <c r="S26" s="110"/>
      <c r="T26" s="110"/>
      <c r="U26" s="110"/>
      <c r="V26" s="110"/>
      <c r="W26" s="110"/>
      <c r="X26" s="110"/>
      <c r="Y26" s="110"/>
      <c r="Z26" s="110"/>
      <c r="AA26" s="110"/>
      <c r="AB26" s="110"/>
      <c r="AC26" s="110"/>
      <c r="AD26" s="110"/>
      <c r="AE26" s="110"/>
      <c r="AF26" s="110"/>
      <c r="AG26" s="110"/>
      <c r="AH26" s="110"/>
      <c r="AI26" s="110"/>
      <c r="AJ26" s="110"/>
      <c r="AK26" s="110"/>
      <c r="AL26" s="110"/>
      <c r="AM26" s="110"/>
      <c r="AN26" s="110"/>
      <c r="AO26" s="110"/>
      <c r="AP26" s="110"/>
      <c r="AQ26" s="110"/>
      <c r="AR26" s="110"/>
      <c r="AS26" s="110"/>
      <c r="AT26" s="110"/>
      <c r="AU26" s="110"/>
      <c r="AV26" s="110"/>
      <c r="AW26" s="110"/>
      <c r="AX26" s="110"/>
      <c r="AY26" s="110"/>
      <c r="AZ26" s="110"/>
      <c r="BA26" s="110"/>
      <c r="BB26" s="110"/>
      <c r="BC26" s="110"/>
      <c r="BD26" s="110"/>
      <c r="BE26" s="110"/>
      <c r="BF26" s="110"/>
      <c r="BG26" s="110"/>
      <c r="BH26" s="110"/>
      <c r="BI26" s="110"/>
      <c r="BJ26" s="110"/>
    </row>
    <row r="27" spans="1:62" s="40" customFormat="1" ht="33" customHeight="1" x14ac:dyDescent="0.25">
      <c r="A27" s="86" t="s">
        <v>0</v>
      </c>
      <c r="B27" s="65"/>
      <c r="C27" s="66"/>
      <c r="D27" s="84"/>
      <c r="E27" s="84"/>
      <c r="F27" s="84"/>
      <c r="G27" s="84"/>
      <c r="H27" s="67"/>
      <c r="I27" s="68"/>
      <c r="J27" s="93"/>
      <c r="K27" s="135" t="s">
        <v>173</v>
      </c>
      <c r="L27" s="97"/>
      <c r="M27" s="97"/>
      <c r="N27" s="50"/>
      <c r="O27" s="50"/>
      <c r="P27" s="50"/>
    </row>
    <row r="28" spans="1:62" s="40" customFormat="1" ht="33" customHeight="1" x14ac:dyDescent="0.25">
      <c r="A28" s="85" t="s">
        <v>12</v>
      </c>
      <c r="B28" s="69"/>
      <c r="C28" s="70"/>
      <c r="D28" s="85"/>
      <c r="E28" s="85"/>
      <c r="F28" s="85"/>
      <c r="G28" s="86"/>
      <c r="H28" s="71"/>
      <c r="I28" s="72"/>
      <c r="J28" s="94"/>
      <c r="K28" s="136"/>
      <c r="L28" s="97"/>
      <c r="M28" s="97"/>
      <c r="N28" s="50"/>
      <c r="O28" s="50"/>
      <c r="P28" s="50"/>
    </row>
    <row r="29" spans="1:62" s="40" customFormat="1" ht="33" customHeight="1" x14ac:dyDescent="0.25">
      <c r="A29" s="87" t="s">
        <v>13</v>
      </c>
      <c r="B29" s="88"/>
      <c r="C29" s="89"/>
      <c r="D29" s="87"/>
      <c r="E29" s="87"/>
      <c r="F29" s="87"/>
      <c r="G29" s="87"/>
      <c r="H29" s="90"/>
      <c r="I29" s="91"/>
      <c r="J29" s="95"/>
      <c r="K29" s="137"/>
      <c r="L29" s="97"/>
      <c r="M29" s="97"/>
      <c r="N29" s="50"/>
      <c r="O29" s="50"/>
      <c r="P29" s="50"/>
    </row>
    <row r="30" spans="1:62" s="45" customFormat="1" ht="33" customHeight="1" x14ac:dyDescent="0.25">
      <c r="A30" s="60"/>
      <c r="B30" s="61"/>
      <c r="C30" s="61"/>
      <c r="D30" s="61"/>
      <c r="E30" s="62"/>
      <c r="F30" s="62"/>
      <c r="G30" s="62"/>
      <c r="H30" s="62"/>
      <c r="I30" s="61"/>
      <c r="J30" s="61"/>
      <c r="K30" s="61"/>
      <c r="L30" s="127"/>
      <c r="M30" s="127"/>
      <c r="O30" s="63"/>
      <c r="P30" s="63"/>
    </row>
    <row r="31" spans="1:62" s="46" customFormat="1" ht="29.25" customHeight="1" x14ac:dyDescent="0.25">
      <c r="A31" s="139" t="s">
        <v>214</v>
      </c>
      <c r="B31" s="139"/>
      <c r="C31" s="139"/>
      <c r="D31" s="139"/>
      <c r="E31" s="139"/>
      <c r="F31" s="139"/>
      <c r="G31" s="139"/>
      <c r="H31" s="139"/>
      <c r="I31" s="139"/>
      <c r="J31" s="139"/>
      <c r="K31" s="139"/>
      <c r="L31" s="64"/>
      <c r="M31" s="64"/>
      <c r="N31" s="64"/>
      <c r="O31" s="64"/>
      <c r="P31" s="64"/>
    </row>
    <row r="32" spans="1:62" s="39" customFormat="1" ht="33" customHeight="1" x14ac:dyDescent="0.25">
      <c r="A32" s="128" t="s">
        <v>24</v>
      </c>
      <c r="B32" s="128" t="s">
        <v>39</v>
      </c>
      <c r="C32" s="128" t="s">
        <v>40</v>
      </c>
      <c r="D32" s="128" t="s">
        <v>30</v>
      </c>
      <c r="E32" s="128" t="s">
        <v>32</v>
      </c>
      <c r="F32" s="128" t="s">
        <v>41</v>
      </c>
      <c r="G32" s="128" t="s">
        <v>42</v>
      </c>
      <c r="H32" s="130" t="s">
        <v>45</v>
      </c>
      <c r="I32" s="131"/>
      <c r="J32" s="131"/>
      <c r="K32" s="132" t="s">
        <v>53</v>
      </c>
      <c r="L32" s="134"/>
      <c r="M32" s="134"/>
      <c r="N32" s="47"/>
      <c r="O32" s="47"/>
      <c r="P32" s="47"/>
    </row>
    <row r="33" spans="1:62" s="39" customFormat="1" ht="22.5" customHeight="1" x14ac:dyDescent="0.25">
      <c r="A33" s="129"/>
      <c r="B33" s="129"/>
      <c r="C33" s="129"/>
      <c r="D33" s="129"/>
      <c r="E33" s="129"/>
      <c r="F33" s="129"/>
      <c r="G33" s="129"/>
      <c r="H33" s="48" t="s">
        <v>26</v>
      </c>
      <c r="I33" s="49" t="s">
        <v>27</v>
      </c>
      <c r="J33" s="92" t="s">
        <v>28</v>
      </c>
      <c r="K33" s="133"/>
      <c r="L33" s="96"/>
      <c r="M33" s="96"/>
      <c r="N33" s="47"/>
      <c r="O33" s="47"/>
      <c r="P33" s="47"/>
    </row>
    <row r="34" spans="1:62" s="111" customFormat="1" ht="14.1" customHeight="1" x14ac:dyDescent="0.25">
      <c r="A34" s="102" t="s">
        <v>0</v>
      </c>
      <c r="B34" s="103" t="s">
        <v>12</v>
      </c>
      <c r="C34" s="103" t="s">
        <v>13</v>
      </c>
      <c r="D34" s="103" t="s">
        <v>14</v>
      </c>
      <c r="E34" s="112" t="s">
        <v>15</v>
      </c>
      <c r="F34" s="104" t="s">
        <v>16</v>
      </c>
      <c r="G34" s="99" t="s">
        <v>17</v>
      </c>
      <c r="H34" s="105" t="s">
        <v>18</v>
      </c>
      <c r="I34" s="106" t="s">
        <v>19</v>
      </c>
      <c r="J34" s="107" t="s">
        <v>35</v>
      </c>
      <c r="K34" s="108" t="s">
        <v>36</v>
      </c>
      <c r="L34" s="117"/>
      <c r="M34" s="117"/>
      <c r="N34" s="109"/>
      <c r="O34" s="109"/>
      <c r="P34" s="109"/>
      <c r="Q34" s="110"/>
      <c r="R34" s="110"/>
      <c r="S34" s="110"/>
      <c r="T34" s="110"/>
      <c r="U34" s="110"/>
      <c r="V34" s="110"/>
      <c r="W34" s="110"/>
      <c r="X34" s="110"/>
      <c r="Y34" s="110"/>
      <c r="Z34" s="110"/>
      <c r="AA34" s="110"/>
      <c r="AB34" s="110"/>
      <c r="AC34" s="110"/>
      <c r="AD34" s="110"/>
      <c r="AE34" s="110"/>
      <c r="AF34" s="110"/>
      <c r="AG34" s="110"/>
      <c r="AH34" s="110"/>
      <c r="AI34" s="110"/>
      <c r="AJ34" s="110"/>
      <c r="AK34" s="110"/>
      <c r="AL34" s="110"/>
      <c r="AM34" s="110"/>
      <c r="AN34" s="110"/>
      <c r="AO34" s="110"/>
      <c r="AP34" s="110"/>
      <c r="AQ34" s="110"/>
      <c r="AR34" s="110"/>
      <c r="AS34" s="110"/>
      <c r="AT34" s="110"/>
      <c r="AU34" s="110"/>
      <c r="AV34" s="110"/>
      <c r="AW34" s="110"/>
      <c r="AX34" s="110"/>
      <c r="AY34" s="110"/>
      <c r="AZ34" s="110"/>
      <c r="BA34" s="110"/>
      <c r="BB34" s="110"/>
      <c r="BC34" s="110"/>
      <c r="BD34" s="110"/>
      <c r="BE34" s="110"/>
      <c r="BF34" s="110"/>
      <c r="BG34" s="110"/>
      <c r="BH34" s="110"/>
      <c r="BI34" s="110"/>
      <c r="BJ34" s="110"/>
    </row>
    <row r="35" spans="1:62" s="40" customFormat="1" ht="33" customHeight="1" x14ac:dyDescent="0.25">
      <c r="A35" s="86" t="s">
        <v>0</v>
      </c>
      <c r="B35" s="65"/>
      <c r="C35" s="66"/>
      <c r="D35" s="84"/>
      <c r="E35" s="84"/>
      <c r="F35" s="84"/>
      <c r="G35" s="84"/>
      <c r="H35" s="67"/>
      <c r="I35" s="68"/>
      <c r="J35" s="93"/>
      <c r="K35" s="135" t="s">
        <v>217</v>
      </c>
      <c r="L35" s="97"/>
      <c r="M35" s="97"/>
      <c r="N35" s="50"/>
      <c r="O35" s="50"/>
      <c r="P35" s="50"/>
    </row>
    <row r="36" spans="1:62" s="40" customFormat="1" ht="33" customHeight="1" x14ac:dyDescent="0.25">
      <c r="A36" s="85" t="s">
        <v>12</v>
      </c>
      <c r="B36" s="69"/>
      <c r="C36" s="70"/>
      <c r="D36" s="85"/>
      <c r="E36" s="85"/>
      <c r="F36" s="85"/>
      <c r="G36" s="86"/>
      <c r="H36" s="71"/>
      <c r="I36" s="72"/>
      <c r="J36" s="94"/>
      <c r="K36" s="136"/>
      <c r="L36" s="97"/>
      <c r="M36" s="97"/>
      <c r="N36" s="50"/>
      <c r="O36" s="50"/>
      <c r="P36" s="50"/>
    </row>
    <row r="37" spans="1:62" s="40" customFormat="1" ht="33" customHeight="1" x14ac:dyDescent="0.25">
      <c r="A37" s="87" t="s">
        <v>13</v>
      </c>
      <c r="B37" s="88"/>
      <c r="C37" s="89"/>
      <c r="D37" s="87"/>
      <c r="E37" s="87"/>
      <c r="F37" s="87"/>
      <c r="G37" s="87"/>
      <c r="H37" s="90"/>
      <c r="I37" s="91"/>
      <c r="J37" s="95"/>
      <c r="K37" s="137"/>
      <c r="L37" s="97"/>
      <c r="M37" s="97"/>
      <c r="N37" s="50"/>
      <c r="O37" s="50"/>
      <c r="P37" s="50"/>
    </row>
    <row r="38" spans="1:62" s="13" customFormat="1" ht="15.75" customHeight="1" x14ac:dyDescent="0.2">
      <c r="A38" s="23"/>
      <c r="B38" s="23"/>
      <c r="C38" s="10"/>
      <c r="D38" s="41"/>
      <c r="F38" s="14"/>
      <c r="G38" s="14"/>
      <c r="H38" s="14"/>
      <c r="I38" s="14"/>
      <c r="J38" s="26"/>
      <c r="K38" s="26"/>
      <c r="L38" s="26"/>
      <c r="M38" s="26"/>
    </row>
    <row r="39" spans="1:62" s="46" customFormat="1" ht="29.25" customHeight="1" x14ac:dyDescent="0.25">
      <c r="A39" s="139" t="s">
        <v>215</v>
      </c>
      <c r="B39" s="139"/>
      <c r="C39" s="139"/>
      <c r="D39" s="139"/>
      <c r="E39" s="139"/>
      <c r="F39" s="139"/>
      <c r="G39" s="139"/>
      <c r="H39" s="139"/>
      <c r="I39" s="139"/>
      <c r="J39" s="139"/>
      <c r="K39" s="139"/>
      <c r="L39" s="64"/>
      <c r="M39" s="64"/>
      <c r="N39" s="64"/>
      <c r="O39" s="64"/>
      <c r="P39" s="64"/>
    </row>
    <row r="40" spans="1:62" s="39" customFormat="1" ht="33" customHeight="1" x14ac:dyDescent="0.25">
      <c r="A40" s="128" t="s">
        <v>24</v>
      </c>
      <c r="B40" s="128" t="s">
        <v>39</v>
      </c>
      <c r="C40" s="128" t="s">
        <v>40</v>
      </c>
      <c r="D40" s="128" t="s">
        <v>30</v>
      </c>
      <c r="E40" s="128" t="s">
        <v>32</v>
      </c>
      <c r="F40" s="128" t="s">
        <v>41</v>
      </c>
      <c r="G40" s="128" t="s">
        <v>42</v>
      </c>
      <c r="H40" s="130" t="s">
        <v>45</v>
      </c>
      <c r="I40" s="131"/>
      <c r="J40" s="131"/>
      <c r="K40" s="132" t="s">
        <v>53</v>
      </c>
      <c r="L40" s="134"/>
      <c r="M40" s="134"/>
      <c r="N40" s="47"/>
      <c r="O40" s="47"/>
      <c r="P40" s="47"/>
    </row>
    <row r="41" spans="1:62" s="39" customFormat="1" ht="22.5" customHeight="1" x14ac:dyDescent="0.25">
      <c r="A41" s="129"/>
      <c r="B41" s="129"/>
      <c r="C41" s="129"/>
      <c r="D41" s="129"/>
      <c r="E41" s="129"/>
      <c r="F41" s="129"/>
      <c r="G41" s="129"/>
      <c r="H41" s="48" t="s">
        <v>26</v>
      </c>
      <c r="I41" s="49" t="s">
        <v>27</v>
      </c>
      <c r="J41" s="92" t="s">
        <v>28</v>
      </c>
      <c r="K41" s="133"/>
      <c r="L41" s="96"/>
      <c r="M41" s="96"/>
      <c r="N41" s="47"/>
      <c r="O41" s="47"/>
      <c r="P41" s="47"/>
    </row>
    <row r="42" spans="1:62" s="111" customFormat="1" ht="14.1" customHeight="1" x14ac:dyDescent="0.25">
      <c r="A42" s="102" t="s">
        <v>0</v>
      </c>
      <c r="B42" s="103" t="s">
        <v>12</v>
      </c>
      <c r="C42" s="103" t="s">
        <v>13</v>
      </c>
      <c r="D42" s="103" t="s">
        <v>14</v>
      </c>
      <c r="E42" s="112" t="s">
        <v>15</v>
      </c>
      <c r="F42" s="104" t="s">
        <v>16</v>
      </c>
      <c r="G42" s="99" t="s">
        <v>17</v>
      </c>
      <c r="H42" s="105" t="s">
        <v>18</v>
      </c>
      <c r="I42" s="106" t="s">
        <v>19</v>
      </c>
      <c r="J42" s="107" t="s">
        <v>35</v>
      </c>
      <c r="K42" s="108" t="s">
        <v>36</v>
      </c>
      <c r="L42" s="117"/>
      <c r="M42" s="117"/>
      <c r="N42" s="109"/>
      <c r="O42" s="109"/>
      <c r="P42" s="109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0"/>
      <c r="AP42" s="110"/>
      <c r="AQ42" s="110"/>
      <c r="AR42" s="110"/>
      <c r="AS42" s="110"/>
      <c r="AT42" s="110"/>
      <c r="AU42" s="110"/>
      <c r="AV42" s="110"/>
      <c r="AW42" s="110"/>
      <c r="AX42" s="110"/>
      <c r="AY42" s="110"/>
      <c r="AZ42" s="110"/>
      <c r="BA42" s="110"/>
      <c r="BB42" s="110"/>
      <c r="BC42" s="110"/>
      <c r="BD42" s="110"/>
      <c r="BE42" s="110"/>
      <c r="BF42" s="110"/>
      <c r="BG42" s="110"/>
      <c r="BH42" s="110"/>
      <c r="BI42" s="110"/>
      <c r="BJ42" s="110"/>
    </row>
    <row r="43" spans="1:62" s="40" customFormat="1" ht="33" customHeight="1" x14ac:dyDescent="0.25">
      <c r="A43" s="86" t="s">
        <v>0</v>
      </c>
      <c r="B43" s="65"/>
      <c r="C43" s="66"/>
      <c r="D43" s="84"/>
      <c r="E43" s="84"/>
      <c r="F43" s="84"/>
      <c r="G43" s="84"/>
      <c r="H43" s="67"/>
      <c r="I43" s="68"/>
      <c r="J43" s="93"/>
      <c r="K43" s="135" t="s">
        <v>218</v>
      </c>
      <c r="L43" s="97"/>
      <c r="M43" s="97"/>
      <c r="N43" s="50"/>
      <c r="O43" s="50"/>
      <c r="P43" s="50"/>
    </row>
    <row r="44" spans="1:62" s="40" customFormat="1" ht="33" customHeight="1" x14ac:dyDescent="0.25">
      <c r="A44" s="85" t="s">
        <v>12</v>
      </c>
      <c r="B44" s="69"/>
      <c r="C44" s="70"/>
      <c r="D44" s="85"/>
      <c r="E44" s="85"/>
      <c r="F44" s="85"/>
      <c r="G44" s="86"/>
      <c r="H44" s="71"/>
      <c r="I44" s="72"/>
      <c r="J44" s="94"/>
      <c r="K44" s="136"/>
      <c r="L44" s="97"/>
      <c r="M44" s="97"/>
      <c r="N44" s="50"/>
      <c r="O44" s="50"/>
      <c r="P44" s="50"/>
    </row>
    <row r="45" spans="1:62" s="40" customFormat="1" ht="33" customHeight="1" x14ac:dyDescent="0.25">
      <c r="A45" s="87" t="s">
        <v>13</v>
      </c>
      <c r="B45" s="88"/>
      <c r="C45" s="89"/>
      <c r="D45" s="87"/>
      <c r="E45" s="87"/>
      <c r="F45" s="87"/>
      <c r="G45" s="87"/>
      <c r="H45" s="90"/>
      <c r="I45" s="91"/>
      <c r="J45" s="95"/>
      <c r="K45" s="137"/>
      <c r="L45" s="97"/>
      <c r="M45" s="97"/>
      <c r="N45" s="50"/>
      <c r="O45" s="50"/>
      <c r="P45" s="50"/>
    </row>
    <row r="46" spans="1:62" s="45" customFormat="1" ht="33" customHeight="1" x14ac:dyDescent="0.25">
      <c r="A46" s="60"/>
      <c r="B46" s="61"/>
      <c r="C46" s="61"/>
      <c r="D46" s="61"/>
      <c r="E46" s="62"/>
      <c r="F46" s="62"/>
      <c r="G46" s="62"/>
      <c r="H46" s="62"/>
      <c r="I46" s="61"/>
      <c r="J46" s="61"/>
      <c r="K46" s="61"/>
      <c r="L46" s="127"/>
      <c r="M46" s="127"/>
      <c r="O46" s="63"/>
      <c r="P46" s="63"/>
    </row>
    <row r="47" spans="1:62" s="46" customFormat="1" ht="29.25" customHeight="1" x14ac:dyDescent="0.25">
      <c r="A47" s="139" t="s">
        <v>216</v>
      </c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64"/>
      <c r="M47" s="64"/>
      <c r="N47" s="64"/>
      <c r="O47" s="64"/>
      <c r="P47" s="64"/>
    </row>
    <row r="48" spans="1:62" s="39" customFormat="1" ht="33" customHeight="1" x14ac:dyDescent="0.25">
      <c r="A48" s="128" t="s">
        <v>24</v>
      </c>
      <c r="B48" s="128" t="s">
        <v>39</v>
      </c>
      <c r="C48" s="128" t="s">
        <v>40</v>
      </c>
      <c r="D48" s="128" t="s">
        <v>30</v>
      </c>
      <c r="E48" s="128" t="s">
        <v>32</v>
      </c>
      <c r="F48" s="128" t="s">
        <v>41</v>
      </c>
      <c r="G48" s="128" t="s">
        <v>42</v>
      </c>
      <c r="H48" s="130" t="s">
        <v>45</v>
      </c>
      <c r="I48" s="131"/>
      <c r="J48" s="131"/>
      <c r="K48" s="132" t="s">
        <v>53</v>
      </c>
      <c r="L48" s="134"/>
      <c r="M48" s="134"/>
      <c r="N48" s="47"/>
      <c r="O48" s="47"/>
      <c r="P48" s="47"/>
    </row>
    <row r="49" spans="1:62" s="39" customFormat="1" ht="22.5" customHeight="1" x14ac:dyDescent="0.25">
      <c r="A49" s="129"/>
      <c r="B49" s="129"/>
      <c r="C49" s="129"/>
      <c r="D49" s="129"/>
      <c r="E49" s="129"/>
      <c r="F49" s="129"/>
      <c r="G49" s="129"/>
      <c r="H49" s="48" t="s">
        <v>26</v>
      </c>
      <c r="I49" s="49" t="s">
        <v>27</v>
      </c>
      <c r="J49" s="92" t="s">
        <v>28</v>
      </c>
      <c r="K49" s="133"/>
      <c r="L49" s="96"/>
      <c r="M49" s="96"/>
      <c r="N49" s="47"/>
      <c r="O49" s="47"/>
      <c r="P49" s="47"/>
    </row>
    <row r="50" spans="1:62" s="111" customFormat="1" ht="14.1" customHeight="1" x14ac:dyDescent="0.25">
      <c r="A50" s="102" t="s">
        <v>0</v>
      </c>
      <c r="B50" s="103" t="s">
        <v>12</v>
      </c>
      <c r="C50" s="103" t="s">
        <v>13</v>
      </c>
      <c r="D50" s="103" t="s">
        <v>14</v>
      </c>
      <c r="E50" s="112" t="s">
        <v>15</v>
      </c>
      <c r="F50" s="104" t="s">
        <v>16</v>
      </c>
      <c r="G50" s="99" t="s">
        <v>17</v>
      </c>
      <c r="H50" s="105" t="s">
        <v>18</v>
      </c>
      <c r="I50" s="106" t="s">
        <v>19</v>
      </c>
      <c r="J50" s="107" t="s">
        <v>35</v>
      </c>
      <c r="K50" s="108" t="s">
        <v>36</v>
      </c>
      <c r="L50" s="117"/>
      <c r="M50" s="117"/>
      <c r="N50" s="109"/>
      <c r="O50" s="109"/>
      <c r="P50" s="109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0"/>
      <c r="AP50" s="110"/>
      <c r="AQ50" s="110"/>
      <c r="AR50" s="110"/>
      <c r="AS50" s="110"/>
      <c r="AT50" s="110"/>
      <c r="AU50" s="110"/>
      <c r="AV50" s="110"/>
      <c r="AW50" s="110"/>
      <c r="AX50" s="110"/>
      <c r="AY50" s="110"/>
      <c r="AZ50" s="110"/>
      <c r="BA50" s="110"/>
      <c r="BB50" s="110"/>
      <c r="BC50" s="110"/>
      <c r="BD50" s="110"/>
      <c r="BE50" s="110"/>
      <c r="BF50" s="110"/>
      <c r="BG50" s="110"/>
      <c r="BH50" s="110"/>
      <c r="BI50" s="110"/>
      <c r="BJ50" s="110"/>
    </row>
    <row r="51" spans="1:62" s="40" customFormat="1" ht="33" customHeight="1" x14ac:dyDescent="0.25">
      <c r="A51" s="86" t="s">
        <v>0</v>
      </c>
      <c r="B51" s="65"/>
      <c r="C51" s="66"/>
      <c r="D51" s="84"/>
      <c r="E51" s="84"/>
      <c r="F51" s="84"/>
      <c r="G51" s="84"/>
      <c r="H51" s="67"/>
      <c r="I51" s="68"/>
      <c r="J51" s="93"/>
      <c r="K51" s="135" t="s">
        <v>218</v>
      </c>
      <c r="L51" s="97"/>
      <c r="M51" s="97"/>
      <c r="N51" s="50"/>
      <c r="O51" s="50"/>
      <c r="P51" s="50"/>
    </row>
    <row r="52" spans="1:62" s="40" customFormat="1" ht="33" customHeight="1" x14ac:dyDescent="0.25">
      <c r="A52" s="85" t="s">
        <v>12</v>
      </c>
      <c r="B52" s="69"/>
      <c r="C52" s="70"/>
      <c r="D52" s="85"/>
      <c r="E52" s="85"/>
      <c r="F52" s="85"/>
      <c r="G52" s="86"/>
      <c r="H52" s="71"/>
      <c r="I52" s="72"/>
      <c r="J52" s="94"/>
      <c r="K52" s="136"/>
      <c r="L52" s="97"/>
      <c r="M52" s="97"/>
      <c r="N52" s="50"/>
      <c r="O52" s="50"/>
      <c r="P52" s="50"/>
    </row>
    <row r="53" spans="1:62" s="40" customFormat="1" ht="33" customHeight="1" x14ac:dyDescent="0.25">
      <c r="A53" s="87" t="s">
        <v>13</v>
      </c>
      <c r="B53" s="88"/>
      <c r="C53" s="89"/>
      <c r="D53" s="87"/>
      <c r="E53" s="87"/>
      <c r="F53" s="87"/>
      <c r="G53" s="87"/>
      <c r="H53" s="90"/>
      <c r="I53" s="91"/>
      <c r="J53" s="95"/>
      <c r="K53" s="137"/>
      <c r="L53" s="97"/>
      <c r="M53" s="97"/>
      <c r="N53" s="50"/>
      <c r="O53" s="50"/>
      <c r="P53" s="50"/>
    </row>
    <row r="54" spans="1:62" s="13" customFormat="1" ht="15.75" customHeight="1" x14ac:dyDescent="0.2">
      <c r="A54" s="23"/>
      <c r="B54" s="23"/>
      <c r="C54" s="10"/>
      <c r="D54" s="41"/>
      <c r="F54" s="14"/>
      <c r="G54" s="14"/>
      <c r="H54" s="14"/>
      <c r="I54" s="14"/>
      <c r="J54" s="26"/>
      <c r="K54" s="26"/>
      <c r="L54" s="26"/>
      <c r="M54" s="26"/>
    </row>
    <row r="55" spans="1:62" s="40" customFormat="1" ht="33" customHeight="1" x14ac:dyDescent="0.25">
      <c r="A55" s="73"/>
      <c r="B55" s="74"/>
      <c r="C55" s="74"/>
      <c r="D55" s="73"/>
      <c r="E55" s="73"/>
      <c r="F55" s="73"/>
      <c r="G55" s="73"/>
      <c r="H55" s="75"/>
      <c r="I55" s="76"/>
      <c r="J55" s="75"/>
      <c r="K55" s="118"/>
      <c r="L55" s="97"/>
      <c r="M55" s="97"/>
      <c r="N55" s="50"/>
      <c r="O55" s="50"/>
      <c r="P55" s="50"/>
    </row>
    <row r="56" spans="1:62" s="40" customFormat="1" ht="33" customHeight="1" x14ac:dyDescent="0.25">
      <c r="A56" s="73"/>
      <c r="B56" s="74"/>
      <c r="C56" s="74"/>
      <c r="D56" s="73"/>
      <c r="E56" s="73"/>
      <c r="F56" s="73"/>
      <c r="G56" s="73"/>
      <c r="H56" s="75"/>
      <c r="I56" s="76"/>
      <c r="J56" s="75"/>
      <c r="K56" s="120"/>
      <c r="L56" s="97"/>
      <c r="M56" s="97"/>
      <c r="N56" s="50"/>
      <c r="O56" s="50"/>
      <c r="P56" s="50"/>
    </row>
    <row r="57" spans="1:62" s="18" customFormat="1" ht="20.100000000000001" customHeight="1" x14ac:dyDescent="0.2">
      <c r="A57" s="42" t="s">
        <v>3</v>
      </c>
      <c r="B57" s="42"/>
      <c r="C57" s="141"/>
      <c r="D57" s="141"/>
      <c r="E57" s="25"/>
      <c r="F57" s="17"/>
      <c r="G57" s="17"/>
      <c r="H57" s="17"/>
      <c r="I57" s="17"/>
      <c r="J57" s="17"/>
      <c r="K57" s="26"/>
      <c r="L57" s="26"/>
    </row>
    <row r="58" spans="1:62" s="18" customFormat="1" ht="20.100000000000001" customHeight="1" x14ac:dyDescent="0.2">
      <c r="A58" s="42" t="s">
        <v>4</v>
      </c>
      <c r="B58" s="42"/>
      <c r="C58" s="140"/>
      <c r="D58" s="140"/>
      <c r="E58" s="20"/>
      <c r="F58" s="17"/>
      <c r="G58" s="17"/>
      <c r="H58" s="17"/>
      <c r="I58" s="17"/>
      <c r="J58" s="17"/>
      <c r="K58" s="21"/>
      <c r="L58" s="22"/>
    </row>
    <row r="59" spans="1:62" s="18" customFormat="1" ht="20.100000000000001" customHeight="1" x14ac:dyDescent="0.2">
      <c r="A59" s="42" t="s">
        <v>5</v>
      </c>
      <c r="B59" s="42"/>
      <c r="C59" s="140"/>
      <c r="D59" s="140"/>
      <c r="E59" s="20"/>
      <c r="F59" s="17"/>
      <c r="G59" s="17"/>
      <c r="H59" s="17"/>
      <c r="I59" s="17"/>
      <c r="J59" s="17"/>
      <c r="K59" s="21"/>
      <c r="L59" s="22"/>
    </row>
    <row r="60" spans="1:62" s="18" customFormat="1" ht="20.100000000000001" customHeight="1" x14ac:dyDescent="0.25">
      <c r="A60" s="42"/>
      <c r="B60" s="42"/>
      <c r="C60" s="42"/>
      <c r="D60" s="19"/>
      <c r="E60" s="20"/>
      <c r="F60" s="17"/>
      <c r="G60" s="17"/>
      <c r="H60" s="17"/>
      <c r="I60" s="17"/>
      <c r="J60" s="17"/>
      <c r="K60" s="21"/>
      <c r="L60" s="22"/>
    </row>
    <row r="61" spans="1:62" s="18" customFormat="1" ht="20.100000000000001" customHeight="1" x14ac:dyDescent="0.2">
      <c r="A61" s="42" t="s">
        <v>6</v>
      </c>
      <c r="B61" s="42"/>
      <c r="C61" s="141"/>
      <c r="D61" s="141"/>
      <c r="E61" s="20"/>
      <c r="F61" s="17"/>
      <c r="G61" s="17"/>
      <c r="H61" s="17"/>
      <c r="I61" s="17"/>
      <c r="J61" s="17"/>
      <c r="K61" s="21"/>
      <c r="L61" s="22"/>
    </row>
    <row r="62" spans="1:62" s="18" customFormat="1" ht="20.100000000000001" customHeight="1" x14ac:dyDescent="0.2">
      <c r="A62" s="42" t="s">
        <v>7</v>
      </c>
      <c r="B62" s="42"/>
      <c r="C62" s="140"/>
      <c r="D62" s="140"/>
      <c r="E62" s="20"/>
      <c r="F62" s="17"/>
      <c r="G62" s="27" t="s">
        <v>20</v>
      </c>
      <c r="H62" s="151"/>
      <c r="I62" s="151"/>
      <c r="J62" s="17"/>
      <c r="K62" s="21"/>
      <c r="L62" s="22"/>
    </row>
    <row r="63" spans="1:62" s="18" customFormat="1" ht="20.100000000000001" customHeight="1" x14ac:dyDescent="0.2">
      <c r="A63" s="42" t="s">
        <v>8</v>
      </c>
      <c r="B63" s="42"/>
      <c r="C63" s="140"/>
      <c r="D63" s="140"/>
      <c r="E63" s="20"/>
      <c r="F63" s="17"/>
      <c r="G63" s="28"/>
      <c r="H63" s="29"/>
      <c r="I63" s="29"/>
    </row>
    <row r="64" spans="1:62" s="18" customFormat="1" ht="20.100000000000001" customHeight="1" x14ac:dyDescent="0.25">
      <c r="A64" s="19"/>
      <c r="B64" s="19"/>
      <c r="C64" s="19"/>
      <c r="D64" s="20"/>
      <c r="E64" s="20"/>
      <c r="F64" s="17"/>
      <c r="G64" s="30" t="s">
        <v>21</v>
      </c>
      <c r="H64" s="152"/>
      <c r="I64" s="152"/>
    </row>
    <row r="65" spans="1:13" s="18" customFormat="1" ht="20.100000000000001" customHeight="1" x14ac:dyDescent="0.25">
      <c r="A65" s="19"/>
      <c r="B65" s="19"/>
      <c r="C65" s="19"/>
      <c r="D65" s="20"/>
      <c r="E65" s="20"/>
      <c r="F65" s="17"/>
      <c r="G65" s="30" t="s">
        <v>22</v>
      </c>
      <c r="H65" s="150"/>
      <c r="I65" s="150"/>
    </row>
    <row r="66" spans="1:13" s="13" customFormat="1" ht="20.100000000000001" customHeight="1" x14ac:dyDescent="0.2">
      <c r="A66" s="10" t="s">
        <v>2</v>
      </c>
      <c r="B66" s="140"/>
      <c r="C66" s="140"/>
      <c r="D66" s="11"/>
      <c r="E66" s="11"/>
      <c r="F66" s="14"/>
      <c r="G66" s="31" t="s">
        <v>23</v>
      </c>
      <c r="H66" s="28"/>
      <c r="I66" s="32"/>
      <c r="M66" s="10"/>
    </row>
    <row r="67" spans="1:13" s="13" customFormat="1" ht="20.100000000000001" customHeight="1" x14ac:dyDescent="0.2">
      <c r="A67" s="10" t="s">
        <v>1</v>
      </c>
      <c r="B67" s="149"/>
      <c r="C67" s="149"/>
      <c r="D67" s="11"/>
      <c r="E67" s="11"/>
      <c r="F67" s="14"/>
      <c r="G67" s="14"/>
      <c r="H67" s="14"/>
      <c r="I67" s="14"/>
      <c r="M67" s="10"/>
    </row>
    <row r="68" spans="1:13" s="13" customFormat="1" x14ac:dyDescent="0.2">
      <c r="A68" s="10"/>
      <c r="B68" s="10"/>
      <c r="C68" s="10"/>
      <c r="D68" s="11"/>
      <c r="E68" s="11"/>
      <c r="F68" s="14"/>
      <c r="G68" s="14"/>
      <c r="H68" s="14"/>
      <c r="I68" s="14"/>
      <c r="J68" s="14"/>
      <c r="K68" s="12"/>
      <c r="L68" s="10"/>
      <c r="M68" s="10"/>
    </row>
    <row r="69" spans="1:13" s="13" customFormat="1" ht="15" customHeight="1" x14ac:dyDescent="0.2">
      <c r="A69" s="10"/>
      <c r="B69" s="10"/>
      <c r="D69" s="11"/>
      <c r="E69" s="11"/>
      <c r="F69" s="14"/>
      <c r="G69" s="14"/>
      <c r="H69" s="14"/>
      <c r="I69" s="14"/>
      <c r="J69" s="14"/>
      <c r="K69" s="12"/>
      <c r="L69" s="10"/>
      <c r="M69" s="10"/>
    </row>
    <row r="70" spans="1:13" s="2" customFormat="1" x14ac:dyDescent="0.2">
      <c r="A70" s="148" t="s">
        <v>10</v>
      </c>
      <c r="B70" s="148"/>
      <c r="D70" s="3"/>
      <c r="E70" s="3"/>
      <c r="F70" s="4"/>
      <c r="G70" s="4"/>
      <c r="H70" s="4"/>
      <c r="I70" s="4"/>
      <c r="J70" s="4"/>
      <c r="K70" s="15"/>
    </row>
    <row r="71" spans="1:13" ht="14.25" x14ac:dyDescent="0.2">
      <c r="A71" s="33"/>
      <c r="B71" s="34" t="s">
        <v>11</v>
      </c>
    </row>
    <row r="72" spans="1:13" ht="6.75" customHeight="1" x14ac:dyDescent="0.2">
      <c r="A72" s="35"/>
      <c r="B72" s="36"/>
    </row>
  </sheetData>
  <mergeCells count="84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5:K15"/>
    <mergeCell ref="A16:A17"/>
    <mergeCell ref="B16:B17"/>
    <mergeCell ref="C16:C17"/>
    <mergeCell ref="D16:D17"/>
    <mergeCell ref="E16:E17"/>
    <mergeCell ref="F16:F17"/>
    <mergeCell ref="G16:G17"/>
    <mergeCell ref="K27:K29"/>
    <mergeCell ref="H16:J16"/>
    <mergeCell ref="K16:K17"/>
    <mergeCell ref="L16:M16"/>
    <mergeCell ref="K19:K21"/>
    <mergeCell ref="A23:K23"/>
    <mergeCell ref="A24:A25"/>
    <mergeCell ref="B24:B25"/>
    <mergeCell ref="C24:C25"/>
    <mergeCell ref="D24:D25"/>
    <mergeCell ref="E24:E25"/>
    <mergeCell ref="F24:F25"/>
    <mergeCell ref="G24:G25"/>
    <mergeCell ref="H24:J24"/>
    <mergeCell ref="K24:K25"/>
    <mergeCell ref="L24:M24"/>
    <mergeCell ref="A31:K31"/>
    <mergeCell ref="A32:A33"/>
    <mergeCell ref="B32:B33"/>
    <mergeCell ref="C32:C33"/>
    <mergeCell ref="D32:D33"/>
    <mergeCell ref="E32:E33"/>
    <mergeCell ref="F32:F33"/>
    <mergeCell ref="G32:G33"/>
    <mergeCell ref="H32:J32"/>
    <mergeCell ref="K32:K33"/>
    <mergeCell ref="L32:M32"/>
    <mergeCell ref="K35:K37"/>
    <mergeCell ref="A39:K39"/>
    <mergeCell ref="A40:A41"/>
    <mergeCell ref="B40:B41"/>
    <mergeCell ref="C40:C41"/>
    <mergeCell ref="D40:D41"/>
    <mergeCell ref="E40:E41"/>
    <mergeCell ref="F40:F41"/>
    <mergeCell ref="G40:G41"/>
    <mergeCell ref="H40:J40"/>
    <mergeCell ref="K40:K41"/>
    <mergeCell ref="L40:M40"/>
    <mergeCell ref="K43:K45"/>
    <mergeCell ref="A47:K47"/>
    <mergeCell ref="G48:G49"/>
    <mergeCell ref="H48:J48"/>
    <mergeCell ref="K48:K49"/>
    <mergeCell ref="A48:A49"/>
    <mergeCell ref="B48:B49"/>
    <mergeCell ref="C48:C49"/>
    <mergeCell ref="D48:D49"/>
    <mergeCell ref="E48:E49"/>
    <mergeCell ref="L48:M48"/>
    <mergeCell ref="K51:K53"/>
    <mergeCell ref="C57:D57"/>
    <mergeCell ref="C58:D58"/>
    <mergeCell ref="C59:D59"/>
    <mergeCell ref="C61:D61"/>
    <mergeCell ref="F48:F49"/>
    <mergeCell ref="B67:C67"/>
    <mergeCell ref="A70:B70"/>
    <mergeCell ref="C62:D62"/>
    <mergeCell ref="H62:I62"/>
    <mergeCell ref="C63:D63"/>
    <mergeCell ref="H64:I64"/>
    <mergeCell ref="H65:I65"/>
    <mergeCell ref="B66:C66"/>
  </mergeCells>
  <conditionalFormatting sqref="B66:C66">
    <cfRule type="containsBlanks" dxfId="179" priority="6">
      <formula>LEN(TRIM(B66))=0</formula>
    </cfRule>
  </conditionalFormatting>
  <conditionalFormatting sqref="B67:C67">
    <cfRule type="containsBlanks" dxfId="178" priority="5">
      <formula>LEN(TRIM(B67))=0</formula>
    </cfRule>
  </conditionalFormatting>
  <conditionalFormatting sqref="H64:I64">
    <cfRule type="containsBlanks" dxfId="177" priority="4">
      <formula>LEN(TRIM(H64))=0</formula>
    </cfRule>
  </conditionalFormatting>
  <conditionalFormatting sqref="H65:I65">
    <cfRule type="containsBlanks" dxfId="176" priority="3">
      <formula>LEN(TRIM(H65))=0</formula>
    </cfRule>
  </conditionalFormatting>
  <conditionalFormatting sqref="C57:D59">
    <cfRule type="containsBlanks" dxfId="175" priority="2">
      <formula>LEN(TRIM(C57))=0</formula>
    </cfRule>
  </conditionalFormatting>
  <conditionalFormatting sqref="C61:D63">
    <cfRule type="containsBlanks" dxfId="174" priority="1">
      <formula>LEN(TRIM(C61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2" max="12" man="1"/>
    <brk id="46" max="12" man="1"/>
  </rowBreaks>
  <colBreaks count="1" manualBreakCount="1">
    <brk id="13" max="28" man="1"/>
  </colBreaks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72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47" t="s">
        <v>219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220</v>
      </c>
      <c r="C9" s="114" t="s">
        <v>46</v>
      </c>
      <c r="D9" s="119">
        <v>4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221</v>
      </c>
      <c r="C10" s="114" t="s">
        <v>46</v>
      </c>
      <c r="D10" s="119">
        <v>1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222</v>
      </c>
      <c r="C11" s="114" t="s">
        <v>46</v>
      </c>
      <c r="D11" s="119">
        <v>10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223</v>
      </c>
      <c r="C12" s="114" t="s">
        <v>46</v>
      </c>
      <c r="D12" s="119">
        <v>10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thickBot="1" x14ac:dyDescent="0.3">
      <c r="A13" s="51" t="s">
        <v>15</v>
      </c>
      <c r="B13" s="52" t="s">
        <v>224</v>
      </c>
      <c r="C13" s="114" t="s">
        <v>46</v>
      </c>
      <c r="D13" s="119">
        <v>2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5" customFormat="1" ht="33" customHeight="1" thickBot="1" x14ac:dyDescent="0.3">
      <c r="A14" s="60"/>
      <c r="B14" s="61"/>
      <c r="C14" s="61"/>
      <c r="D14" s="61"/>
      <c r="E14" s="62"/>
      <c r="F14" s="62"/>
      <c r="G14" s="62"/>
      <c r="H14" s="62"/>
      <c r="I14" s="61"/>
      <c r="J14" s="61"/>
      <c r="K14" s="61"/>
      <c r="L14" s="98">
        <f>SUM(L9:L13)</f>
        <v>0</v>
      </c>
      <c r="M14" s="116">
        <f>SUM(M9:M13)</f>
        <v>0</v>
      </c>
      <c r="O14" s="63"/>
      <c r="P14" s="63"/>
    </row>
    <row r="15" spans="1:22" s="46" customFormat="1" ht="29.25" customHeight="1" x14ac:dyDescent="0.25">
      <c r="A15" s="139" t="s">
        <v>225</v>
      </c>
      <c r="B15" s="139"/>
      <c r="C15" s="139"/>
      <c r="D15" s="139"/>
      <c r="E15" s="139"/>
      <c r="F15" s="139"/>
      <c r="G15" s="139"/>
      <c r="H15" s="139"/>
      <c r="I15" s="139"/>
      <c r="J15" s="139"/>
      <c r="K15" s="139"/>
      <c r="L15" s="64"/>
      <c r="M15" s="64"/>
      <c r="N15" s="64"/>
      <c r="O15" s="64"/>
      <c r="P15" s="64"/>
    </row>
    <row r="16" spans="1:22" s="39" customFormat="1" ht="33" customHeight="1" x14ac:dyDescent="0.25">
      <c r="A16" s="128" t="s">
        <v>24</v>
      </c>
      <c r="B16" s="128" t="s">
        <v>39</v>
      </c>
      <c r="C16" s="128" t="s">
        <v>40</v>
      </c>
      <c r="D16" s="128" t="s">
        <v>30</v>
      </c>
      <c r="E16" s="128" t="s">
        <v>32</v>
      </c>
      <c r="F16" s="128" t="s">
        <v>41</v>
      </c>
      <c r="G16" s="128" t="s">
        <v>42</v>
      </c>
      <c r="H16" s="130" t="s">
        <v>45</v>
      </c>
      <c r="I16" s="131"/>
      <c r="J16" s="131"/>
      <c r="K16" s="132" t="s">
        <v>53</v>
      </c>
      <c r="L16" s="134"/>
      <c r="M16" s="134"/>
      <c r="N16" s="47"/>
      <c r="O16" s="47"/>
      <c r="P16" s="47"/>
    </row>
    <row r="17" spans="1:62" s="39" customFormat="1" ht="22.5" customHeight="1" x14ac:dyDescent="0.25">
      <c r="A17" s="129"/>
      <c r="B17" s="129"/>
      <c r="C17" s="129"/>
      <c r="D17" s="129"/>
      <c r="E17" s="129"/>
      <c r="F17" s="129"/>
      <c r="G17" s="129"/>
      <c r="H17" s="48" t="s">
        <v>26</v>
      </c>
      <c r="I17" s="49" t="s">
        <v>27</v>
      </c>
      <c r="J17" s="92" t="s">
        <v>28</v>
      </c>
      <c r="K17" s="133"/>
      <c r="L17" s="96"/>
      <c r="M17" s="96"/>
      <c r="N17" s="47"/>
      <c r="O17" s="47"/>
      <c r="P17" s="47"/>
    </row>
    <row r="18" spans="1:62" s="111" customFormat="1" ht="14.1" customHeight="1" x14ac:dyDescent="0.25">
      <c r="A18" s="102" t="s">
        <v>0</v>
      </c>
      <c r="B18" s="103" t="s">
        <v>12</v>
      </c>
      <c r="C18" s="103" t="s">
        <v>13</v>
      </c>
      <c r="D18" s="103" t="s">
        <v>14</v>
      </c>
      <c r="E18" s="112" t="s">
        <v>15</v>
      </c>
      <c r="F18" s="104" t="s">
        <v>16</v>
      </c>
      <c r="G18" s="99" t="s">
        <v>17</v>
      </c>
      <c r="H18" s="105" t="s">
        <v>18</v>
      </c>
      <c r="I18" s="106" t="s">
        <v>19</v>
      </c>
      <c r="J18" s="107" t="s">
        <v>35</v>
      </c>
      <c r="K18" s="108" t="s">
        <v>36</v>
      </c>
      <c r="L18" s="117"/>
      <c r="M18" s="117"/>
      <c r="N18" s="109"/>
      <c r="O18" s="109"/>
      <c r="P18" s="109"/>
      <c r="Q18" s="110"/>
      <c r="R18" s="110"/>
      <c r="S18" s="110"/>
      <c r="T18" s="110"/>
      <c r="U18" s="110"/>
      <c r="V18" s="110"/>
      <c r="W18" s="110"/>
      <c r="X18" s="110"/>
      <c r="Y18" s="110"/>
      <c r="Z18" s="110"/>
      <c r="AA18" s="110"/>
      <c r="AB18" s="110"/>
      <c r="AC18" s="110"/>
      <c r="AD18" s="110"/>
      <c r="AE18" s="110"/>
      <c r="AF18" s="110"/>
      <c r="AG18" s="110"/>
      <c r="AH18" s="110"/>
      <c r="AI18" s="110"/>
      <c r="AJ18" s="110"/>
      <c r="AK18" s="110"/>
      <c r="AL18" s="110"/>
      <c r="AM18" s="110"/>
      <c r="AN18" s="110"/>
      <c r="AO18" s="110"/>
      <c r="AP18" s="110"/>
      <c r="AQ18" s="110"/>
      <c r="AR18" s="110"/>
      <c r="AS18" s="110"/>
      <c r="AT18" s="110"/>
      <c r="AU18" s="110"/>
      <c r="AV18" s="110"/>
      <c r="AW18" s="110"/>
      <c r="AX18" s="110"/>
      <c r="AY18" s="110"/>
      <c r="AZ18" s="110"/>
      <c r="BA18" s="110"/>
      <c r="BB18" s="110"/>
      <c r="BC18" s="110"/>
      <c r="BD18" s="110"/>
      <c r="BE18" s="110"/>
      <c r="BF18" s="110"/>
      <c r="BG18" s="110"/>
      <c r="BH18" s="110"/>
      <c r="BI18" s="110"/>
      <c r="BJ18" s="110"/>
    </row>
    <row r="19" spans="1:62" s="40" customFormat="1" ht="33" customHeight="1" x14ac:dyDescent="0.25">
      <c r="A19" s="86" t="s">
        <v>0</v>
      </c>
      <c r="B19" s="65"/>
      <c r="C19" s="66"/>
      <c r="D19" s="84"/>
      <c r="E19" s="84"/>
      <c r="F19" s="84"/>
      <c r="G19" s="84"/>
      <c r="H19" s="67"/>
      <c r="I19" s="68"/>
      <c r="J19" s="93"/>
      <c r="K19" s="135" t="s">
        <v>230</v>
      </c>
      <c r="L19" s="97"/>
      <c r="M19" s="97"/>
      <c r="N19" s="50"/>
      <c r="O19" s="50"/>
      <c r="P19" s="50"/>
    </row>
    <row r="20" spans="1:62" s="40" customFormat="1" ht="33" customHeight="1" x14ac:dyDescent="0.25">
      <c r="A20" s="85" t="s">
        <v>12</v>
      </c>
      <c r="B20" s="69"/>
      <c r="C20" s="70"/>
      <c r="D20" s="85"/>
      <c r="E20" s="85"/>
      <c r="F20" s="85"/>
      <c r="G20" s="86"/>
      <c r="H20" s="71"/>
      <c r="I20" s="72"/>
      <c r="J20" s="94"/>
      <c r="K20" s="136"/>
      <c r="L20" s="97"/>
      <c r="M20" s="97"/>
      <c r="N20" s="50"/>
      <c r="O20" s="50"/>
      <c r="P20" s="50"/>
    </row>
    <row r="21" spans="1:62" s="40" customFormat="1" ht="33" customHeight="1" x14ac:dyDescent="0.25">
      <c r="A21" s="87" t="s">
        <v>13</v>
      </c>
      <c r="B21" s="88"/>
      <c r="C21" s="89"/>
      <c r="D21" s="87"/>
      <c r="E21" s="87"/>
      <c r="F21" s="87"/>
      <c r="G21" s="87"/>
      <c r="H21" s="90"/>
      <c r="I21" s="91"/>
      <c r="J21" s="95"/>
      <c r="K21" s="137"/>
      <c r="L21" s="97"/>
      <c r="M21" s="97"/>
      <c r="N21" s="50"/>
      <c r="O21" s="50"/>
      <c r="P21" s="50"/>
    </row>
    <row r="22" spans="1:62" s="13" customFormat="1" ht="15.75" customHeight="1" x14ac:dyDescent="0.2">
      <c r="A22" s="23"/>
      <c r="B22" s="23"/>
      <c r="C22" s="10"/>
      <c r="D22" s="41"/>
      <c r="F22" s="14"/>
      <c r="G22" s="14"/>
      <c r="H22" s="14"/>
      <c r="I22" s="14"/>
      <c r="J22" s="26"/>
      <c r="K22" s="26"/>
      <c r="L22" s="26"/>
      <c r="M22" s="26"/>
    </row>
    <row r="23" spans="1:62" s="46" customFormat="1" ht="29.25" customHeight="1" x14ac:dyDescent="0.25">
      <c r="A23" s="139" t="s">
        <v>226</v>
      </c>
      <c r="B23" s="139"/>
      <c r="C23" s="139"/>
      <c r="D23" s="139"/>
      <c r="E23" s="139"/>
      <c r="F23" s="139"/>
      <c r="G23" s="139"/>
      <c r="H23" s="139"/>
      <c r="I23" s="139"/>
      <c r="J23" s="139"/>
      <c r="K23" s="139"/>
      <c r="L23" s="64"/>
      <c r="M23" s="64"/>
      <c r="N23" s="64"/>
      <c r="O23" s="64"/>
      <c r="P23" s="64"/>
    </row>
    <row r="24" spans="1:62" s="39" customFormat="1" ht="33" customHeight="1" x14ac:dyDescent="0.25">
      <c r="A24" s="128" t="s">
        <v>24</v>
      </c>
      <c r="B24" s="128" t="s">
        <v>39</v>
      </c>
      <c r="C24" s="128" t="s">
        <v>40</v>
      </c>
      <c r="D24" s="128" t="s">
        <v>30</v>
      </c>
      <c r="E24" s="128" t="s">
        <v>32</v>
      </c>
      <c r="F24" s="128" t="s">
        <v>41</v>
      </c>
      <c r="G24" s="128" t="s">
        <v>42</v>
      </c>
      <c r="H24" s="130" t="s">
        <v>45</v>
      </c>
      <c r="I24" s="131"/>
      <c r="J24" s="131"/>
      <c r="K24" s="132" t="s">
        <v>53</v>
      </c>
      <c r="L24" s="134"/>
      <c r="M24" s="134"/>
      <c r="N24" s="47"/>
      <c r="O24" s="47"/>
      <c r="P24" s="47"/>
    </row>
    <row r="25" spans="1:62" s="39" customFormat="1" ht="22.5" customHeight="1" x14ac:dyDescent="0.25">
      <c r="A25" s="129"/>
      <c r="B25" s="129"/>
      <c r="C25" s="129"/>
      <c r="D25" s="129"/>
      <c r="E25" s="129"/>
      <c r="F25" s="129"/>
      <c r="G25" s="129"/>
      <c r="H25" s="48" t="s">
        <v>26</v>
      </c>
      <c r="I25" s="49" t="s">
        <v>27</v>
      </c>
      <c r="J25" s="92" t="s">
        <v>28</v>
      </c>
      <c r="K25" s="133"/>
      <c r="L25" s="96"/>
      <c r="M25" s="96"/>
      <c r="N25" s="47"/>
      <c r="O25" s="47"/>
      <c r="P25" s="47"/>
    </row>
    <row r="26" spans="1:62" s="111" customFormat="1" ht="14.1" customHeight="1" x14ac:dyDescent="0.25">
      <c r="A26" s="102" t="s">
        <v>0</v>
      </c>
      <c r="B26" s="103" t="s">
        <v>12</v>
      </c>
      <c r="C26" s="103" t="s">
        <v>13</v>
      </c>
      <c r="D26" s="103" t="s">
        <v>14</v>
      </c>
      <c r="E26" s="112" t="s">
        <v>15</v>
      </c>
      <c r="F26" s="104" t="s">
        <v>16</v>
      </c>
      <c r="G26" s="99" t="s">
        <v>17</v>
      </c>
      <c r="H26" s="105" t="s">
        <v>18</v>
      </c>
      <c r="I26" s="106" t="s">
        <v>19</v>
      </c>
      <c r="J26" s="107" t="s">
        <v>35</v>
      </c>
      <c r="K26" s="108" t="s">
        <v>36</v>
      </c>
      <c r="L26" s="117"/>
      <c r="M26" s="117"/>
      <c r="N26" s="109"/>
      <c r="O26" s="109"/>
      <c r="P26" s="109"/>
      <c r="Q26" s="110"/>
      <c r="R26" s="110"/>
      <c r="S26" s="110"/>
      <c r="T26" s="110"/>
      <c r="U26" s="110"/>
      <c r="V26" s="110"/>
      <c r="W26" s="110"/>
      <c r="X26" s="110"/>
      <c r="Y26" s="110"/>
      <c r="Z26" s="110"/>
      <c r="AA26" s="110"/>
      <c r="AB26" s="110"/>
      <c r="AC26" s="110"/>
      <c r="AD26" s="110"/>
      <c r="AE26" s="110"/>
      <c r="AF26" s="110"/>
      <c r="AG26" s="110"/>
      <c r="AH26" s="110"/>
      <c r="AI26" s="110"/>
      <c r="AJ26" s="110"/>
      <c r="AK26" s="110"/>
      <c r="AL26" s="110"/>
      <c r="AM26" s="110"/>
      <c r="AN26" s="110"/>
      <c r="AO26" s="110"/>
      <c r="AP26" s="110"/>
      <c r="AQ26" s="110"/>
      <c r="AR26" s="110"/>
      <c r="AS26" s="110"/>
      <c r="AT26" s="110"/>
      <c r="AU26" s="110"/>
      <c r="AV26" s="110"/>
      <c r="AW26" s="110"/>
      <c r="AX26" s="110"/>
      <c r="AY26" s="110"/>
      <c r="AZ26" s="110"/>
      <c r="BA26" s="110"/>
      <c r="BB26" s="110"/>
      <c r="BC26" s="110"/>
      <c r="BD26" s="110"/>
      <c r="BE26" s="110"/>
      <c r="BF26" s="110"/>
      <c r="BG26" s="110"/>
      <c r="BH26" s="110"/>
      <c r="BI26" s="110"/>
      <c r="BJ26" s="110"/>
    </row>
    <row r="27" spans="1:62" s="40" customFormat="1" ht="33" customHeight="1" x14ac:dyDescent="0.25">
      <c r="A27" s="86" t="s">
        <v>0</v>
      </c>
      <c r="B27" s="65"/>
      <c r="C27" s="66"/>
      <c r="D27" s="84"/>
      <c r="E27" s="84"/>
      <c r="F27" s="84"/>
      <c r="G27" s="84"/>
      <c r="H27" s="67"/>
      <c r="I27" s="68"/>
      <c r="J27" s="93"/>
      <c r="K27" s="135" t="s">
        <v>95</v>
      </c>
      <c r="L27" s="97"/>
      <c r="M27" s="97"/>
      <c r="N27" s="50"/>
      <c r="O27" s="50"/>
      <c r="P27" s="50"/>
    </row>
    <row r="28" spans="1:62" s="40" customFormat="1" ht="33" customHeight="1" x14ac:dyDescent="0.25">
      <c r="A28" s="85" t="s">
        <v>12</v>
      </c>
      <c r="B28" s="69"/>
      <c r="C28" s="70"/>
      <c r="D28" s="85"/>
      <c r="E28" s="85"/>
      <c r="F28" s="85"/>
      <c r="G28" s="86"/>
      <c r="H28" s="71"/>
      <c r="I28" s="72"/>
      <c r="J28" s="94"/>
      <c r="K28" s="136"/>
      <c r="L28" s="97"/>
      <c r="M28" s="97"/>
      <c r="N28" s="50"/>
      <c r="O28" s="50"/>
      <c r="P28" s="50"/>
    </row>
    <row r="29" spans="1:62" s="40" customFormat="1" ht="33" customHeight="1" x14ac:dyDescent="0.25">
      <c r="A29" s="87" t="s">
        <v>13</v>
      </c>
      <c r="B29" s="88"/>
      <c r="C29" s="89"/>
      <c r="D29" s="87"/>
      <c r="E29" s="87"/>
      <c r="F29" s="87"/>
      <c r="G29" s="87"/>
      <c r="H29" s="90"/>
      <c r="I29" s="91"/>
      <c r="J29" s="95"/>
      <c r="K29" s="137"/>
      <c r="L29" s="97"/>
      <c r="M29" s="97"/>
      <c r="N29" s="50"/>
      <c r="O29" s="50"/>
      <c r="P29" s="50"/>
    </row>
    <row r="30" spans="1:62" s="45" customFormat="1" ht="33" customHeight="1" x14ac:dyDescent="0.25">
      <c r="A30" s="60"/>
      <c r="B30" s="61"/>
      <c r="C30" s="61"/>
      <c r="D30" s="61"/>
      <c r="E30" s="62"/>
      <c r="F30" s="62"/>
      <c r="G30" s="62"/>
      <c r="H30" s="62"/>
      <c r="I30" s="61"/>
      <c r="J30" s="61"/>
      <c r="K30" s="61"/>
      <c r="L30" s="127"/>
      <c r="M30" s="127"/>
      <c r="O30" s="63"/>
      <c r="P30" s="63"/>
    </row>
    <row r="31" spans="1:62" s="46" customFormat="1" ht="29.25" customHeight="1" x14ac:dyDescent="0.25">
      <c r="A31" s="139" t="s">
        <v>227</v>
      </c>
      <c r="B31" s="139"/>
      <c r="C31" s="139"/>
      <c r="D31" s="139"/>
      <c r="E31" s="139"/>
      <c r="F31" s="139"/>
      <c r="G31" s="139"/>
      <c r="H31" s="139"/>
      <c r="I31" s="139"/>
      <c r="J31" s="139"/>
      <c r="K31" s="139"/>
      <c r="L31" s="64"/>
      <c r="M31" s="64"/>
      <c r="N31" s="64"/>
      <c r="O31" s="64"/>
      <c r="P31" s="64"/>
    </row>
    <row r="32" spans="1:62" s="39" customFormat="1" ht="33" customHeight="1" x14ac:dyDescent="0.25">
      <c r="A32" s="128" t="s">
        <v>24</v>
      </c>
      <c r="B32" s="128" t="s">
        <v>39</v>
      </c>
      <c r="C32" s="128" t="s">
        <v>40</v>
      </c>
      <c r="D32" s="128" t="s">
        <v>30</v>
      </c>
      <c r="E32" s="128" t="s">
        <v>32</v>
      </c>
      <c r="F32" s="128" t="s">
        <v>41</v>
      </c>
      <c r="G32" s="128" t="s">
        <v>42</v>
      </c>
      <c r="H32" s="130" t="s">
        <v>45</v>
      </c>
      <c r="I32" s="131"/>
      <c r="J32" s="131"/>
      <c r="K32" s="132" t="s">
        <v>53</v>
      </c>
      <c r="L32" s="134"/>
      <c r="M32" s="134"/>
      <c r="N32" s="47"/>
      <c r="O32" s="47"/>
      <c r="P32" s="47"/>
    </row>
    <row r="33" spans="1:62" s="39" customFormat="1" ht="22.5" customHeight="1" x14ac:dyDescent="0.25">
      <c r="A33" s="129"/>
      <c r="B33" s="129"/>
      <c r="C33" s="129"/>
      <c r="D33" s="129"/>
      <c r="E33" s="129"/>
      <c r="F33" s="129"/>
      <c r="G33" s="129"/>
      <c r="H33" s="48" t="s">
        <v>26</v>
      </c>
      <c r="I33" s="49" t="s">
        <v>27</v>
      </c>
      <c r="J33" s="92" t="s">
        <v>28</v>
      </c>
      <c r="K33" s="133"/>
      <c r="L33" s="96"/>
      <c r="M33" s="96"/>
      <c r="N33" s="47"/>
      <c r="O33" s="47"/>
      <c r="P33" s="47"/>
    </row>
    <row r="34" spans="1:62" s="111" customFormat="1" ht="14.1" customHeight="1" x14ac:dyDescent="0.25">
      <c r="A34" s="102" t="s">
        <v>0</v>
      </c>
      <c r="B34" s="103" t="s">
        <v>12</v>
      </c>
      <c r="C34" s="103" t="s">
        <v>13</v>
      </c>
      <c r="D34" s="103" t="s">
        <v>14</v>
      </c>
      <c r="E34" s="112" t="s">
        <v>15</v>
      </c>
      <c r="F34" s="104" t="s">
        <v>16</v>
      </c>
      <c r="G34" s="99" t="s">
        <v>17</v>
      </c>
      <c r="H34" s="105" t="s">
        <v>18</v>
      </c>
      <c r="I34" s="106" t="s">
        <v>19</v>
      </c>
      <c r="J34" s="107" t="s">
        <v>35</v>
      </c>
      <c r="K34" s="108" t="s">
        <v>36</v>
      </c>
      <c r="L34" s="117"/>
      <c r="M34" s="117"/>
      <c r="N34" s="109"/>
      <c r="O34" s="109"/>
      <c r="P34" s="109"/>
      <c r="Q34" s="110"/>
      <c r="R34" s="110"/>
      <c r="S34" s="110"/>
      <c r="T34" s="110"/>
      <c r="U34" s="110"/>
      <c r="V34" s="110"/>
      <c r="W34" s="110"/>
      <c r="X34" s="110"/>
      <c r="Y34" s="110"/>
      <c r="Z34" s="110"/>
      <c r="AA34" s="110"/>
      <c r="AB34" s="110"/>
      <c r="AC34" s="110"/>
      <c r="AD34" s="110"/>
      <c r="AE34" s="110"/>
      <c r="AF34" s="110"/>
      <c r="AG34" s="110"/>
      <c r="AH34" s="110"/>
      <c r="AI34" s="110"/>
      <c r="AJ34" s="110"/>
      <c r="AK34" s="110"/>
      <c r="AL34" s="110"/>
      <c r="AM34" s="110"/>
      <c r="AN34" s="110"/>
      <c r="AO34" s="110"/>
      <c r="AP34" s="110"/>
      <c r="AQ34" s="110"/>
      <c r="AR34" s="110"/>
      <c r="AS34" s="110"/>
      <c r="AT34" s="110"/>
      <c r="AU34" s="110"/>
      <c r="AV34" s="110"/>
      <c r="AW34" s="110"/>
      <c r="AX34" s="110"/>
      <c r="AY34" s="110"/>
      <c r="AZ34" s="110"/>
      <c r="BA34" s="110"/>
      <c r="BB34" s="110"/>
      <c r="BC34" s="110"/>
      <c r="BD34" s="110"/>
      <c r="BE34" s="110"/>
      <c r="BF34" s="110"/>
      <c r="BG34" s="110"/>
      <c r="BH34" s="110"/>
      <c r="BI34" s="110"/>
      <c r="BJ34" s="110"/>
    </row>
    <row r="35" spans="1:62" s="40" customFormat="1" ht="33" customHeight="1" x14ac:dyDescent="0.25">
      <c r="A35" s="86" t="s">
        <v>0</v>
      </c>
      <c r="B35" s="65"/>
      <c r="C35" s="66"/>
      <c r="D35" s="84"/>
      <c r="E35" s="84"/>
      <c r="F35" s="84"/>
      <c r="G35" s="84"/>
      <c r="H35" s="67"/>
      <c r="I35" s="68"/>
      <c r="J35" s="93"/>
      <c r="K35" s="135" t="s">
        <v>95</v>
      </c>
      <c r="L35" s="97"/>
      <c r="M35" s="97"/>
      <c r="N35" s="50"/>
      <c r="O35" s="50"/>
      <c r="P35" s="50"/>
    </row>
    <row r="36" spans="1:62" s="40" customFormat="1" ht="33" customHeight="1" x14ac:dyDescent="0.25">
      <c r="A36" s="85" t="s">
        <v>12</v>
      </c>
      <c r="B36" s="69"/>
      <c r="C36" s="70"/>
      <c r="D36" s="85"/>
      <c r="E36" s="85"/>
      <c r="F36" s="85"/>
      <c r="G36" s="86"/>
      <c r="H36" s="71"/>
      <c r="I36" s="72"/>
      <c r="J36" s="94"/>
      <c r="K36" s="136"/>
      <c r="L36" s="97"/>
      <c r="M36" s="97"/>
      <c r="N36" s="50"/>
      <c r="O36" s="50"/>
      <c r="P36" s="50"/>
    </row>
    <row r="37" spans="1:62" s="40" customFormat="1" ht="33" customHeight="1" x14ac:dyDescent="0.25">
      <c r="A37" s="87" t="s">
        <v>13</v>
      </c>
      <c r="B37" s="88"/>
      <c r="C37" s="89"/>
      <c r="D37" s="87"/>
      <c r="E37" s="87"/>
      <c r="F37" s="87"/>
      <c r="G37" s="87"/>
      <c r="H37" s="90"/>
      <c r="I37" s="91"/>
      <c r="J37" s="95"/>
      <c r="K37" s="137"/>
      <c r="L37" s="97"/>
      <c r="M37" s="97"/>
      <c r="N37" s="50"/>
      <c r="O37" s="50"/>
      <c r="P37" s="50"/>
    </row>
    <row r="38" spans="1:62" s="13" customFormat="1" ht="15.75" customHeight="1" x14ac:dyDescent="0.2">
      <c r="A38" s="23"/>
      <c r="B38" s="23"/>
      <c r="C38" s="10"/>
      <c r="D38" s="41"/>
      <c r="F38" s="14"/>
      <c r="G38" s="14"/>
      <c r="H38" s="14"/>
      <c r="I38" s="14"/>
      <c r="J38" s="26"/>
      <c r="K38" s="26"/>
      <c r="L38" s="26"/>
      <c r="M38" s="26"/>
    </row>
    <row r="39" spans="1:62" s="46" customFormat="1" ht="29.25" customHeight="1" x14ac:dyDescent="0.25">
      <c r="A39" s="139" t="s">
        <v>228</v>
      </c>
      <c r="B39" s="139"/>
      <c r="C39" s="139"/>
      <c r="D39" s="139"/>
      <c r="E39" s="139"/>
      <c r="F39" s="139"/>
      <c r="G39" s="139"/>
      <c r="H39" s="139"/>
      <c r="I39" s="139"/>
      <c r="J39" s="139"/>
      <c r="K39" s="139"/>
      <c r="L39" s="64"/>
      <c r="M39" s="64"/>
      <c r="N39" s="64"/>
      <c r="O39" s="64"/>
      <c r="P39" s="64"/>
    </row>
    <row r="40" spans="1:62" s="39" customFormat="1" ht="33" customHeight="1" x14ac:dyDescent="0.25">
      <c r="A40" s="128" t="s">
        <v>24</v>
      </c>
      <c r="B40" s="128" t="s">
        <v>39</v>
      </c>
      <c r="C40" s="128" t="s">
        <v>40</v>
      </c>
      <c r="D40" s="128" t="s">
        <v>30</v>
      </c>
      <c r="E40" s="128" t="s">
        <v>32</v>
      </c>
      <c r="F40" s="128" t="s">
        <v>41</v>
      </c>
      <c r="G40" s="128" t="s">
        <v>42</v>
      </c>
      <c r="H40" s="130" t="s">
        <v>45</v>
      </c>
      <c r="I40" s="131"/>
      <c r="J40" s="131"/>
      <c r="K40" s="132" t="s">
        <v>53</v>
      </c>
      <c r="L40" s="134"/>
      <c r="M40" s="134"/>
      <c r="N40" s="47"/>
      <c r="O40" s="47"/>
      <c r="P40" s="47"/>
    </row>
    <row r="41" spans="1:62" s="39" customFormat="1" ht="22.5" customHeight="1" x14ac:dyDescent="0.25">
      <c r="A41" s="129"/>
      <c r="B41" s="129"/>
      <c r="C41" s="129"/>
      <c r="D41" s="129"/>
      <c r="E41" s="129"/>
      <c r="F41" s="129"/>
      <c r="G41" s="129"/>
      <c r="H41" s="48" t="s">
        <v>26</v>
      </c>
      <c r="I41" s="49" t="s">
        <v>27</v>
      </c>
      <c r="J41" s="92" t="s">
        <v>28</v>
      </c>
      <c r="K41" s="133"/>
      <c r="L41" s="96"/>
      <c r="M41" s="96"/>
      <c r="N41" s="47"/>
      <c r="O41" s="47"/>
      <c r="P41" s="47"/>
    </row>
    <row r="42" spans="1:62" s="111" customFormat="1" ht="14.1" customHeight="1" x14ac:dyDescent="0.25">
      <c r="A42" s="102" t="s">
        <v>0</v>
      </c>
      <c r="B42" s="103" t="s">
        <v>12</v>
      </c>
      <c r="C42" s="103" t="s">
        <v>13</v>
      </c>
      <c r="D42" s="103" t="s">
        <v>14</v>
      </c>
      <c r="E42" s="112" t="s">
        <v>15</v>
      </c>
      <c r="F42" s="104" t="s">
        <v>16</v>
      </c>
      <c r="G42" s="99" t="s">
        <v>17</v>
      </c>
      <c r="H42" s="105" t="s">
        <v>18</v>
      </c>
      <c r="I42" s="106" t="s">
        <v>19</v>
      </c>
      <c r="J42" s="107" t="s">
        <v>35</v>
      </c>
      <c r="K42" s="108" t="s">
        <v>36</v>
      </c>
      <c r="L42" s="117"/>
      <c r="M42" s="117"/>
      <c r="N42" s="109"/>
      <c r="O42" s="109"/>
      <c r="P42" s="109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0"/>
      <c r="AP42" s="110"/>
      <c r="AQ42" s="110"/>
      <c r="AR42" s="110"/>
      <c r="AS42" s="110"/>
      <c r="AT42" s="110"/>
      <c r="AU42" s="110"/>
      <c r="AV42" s="110"/>
      <c r="AW42" s="110"/>
      <c r="AX42" s="110"/>
      <c r="AY42" s="110"/>
      <c r="AZ42" s="110"/>
      <c r="BA42" s="110"/>
      <c r="BB42" s="110"/>
      <c r="BC42" s="110"/>
      <c r="BD42" s="110"/>
      <c r="BE42" s="110"/>
      <c r="BF42" s="110"/>
      <c r="BG42" s="110"/>
      <c r="BH42" s="110"/>
      <c r="BI42" s="110"/>
      <c r="BJ42" s="110"/>
    </row>
    <row r="43" spans="1:62" s="40" customFormat="1" ht="33" customHeight="1" x14ac:dyDescent="0.25">
      <c r="A43" s="86" t="s">
        <v>0</v>
      </c>
      <c r="B43" s="65"/>
      <c r="C43" s="66"/>
      <c r="D43" s="84"/>
      <c r="E43" s="84"/>
      <c r="F43" s="84"/>
      <c r="G43" s="84"/>
      <c r="H43" s="67"/>
      <c r="I43" s="68"/>
      <c r="J43" s="93"/>
      <c r="K43" s="135" t="s">
        <v>95</v>
      </c>
      <c r="L43" s="97"/>
      <c r="M43" s="97"/>
      <c r="N43" s="50"/>
      <c r="O43" s="50"/>
      <c r="P43" s="50"/>
    </row>
    <row r="44" spans="1:62" s="40" customFormat="1" ht="33" customHeight="1" x14ac:dyDescent="0.25">
      <c r="A44" s="85" t="s">
        <v>12</v>
      </c>
      <c r="B44" s="69"/>
      <c r="C44" s="70"/>
      <c r="D44" s="85"/>
      <c r="E44" s="85"/>
      <c r="F44" s="85"/>
      <c r="G44" s="86"/>
      <c r="H44" s="71"/>
      <c r="I44" s="72"/>
      <c r="J44" s="94"/>
      <c r="K44" s="136"/>
      <c r="L44" s="97"/>
      <c r="M44" s="97"/>
      <c r="N44" s="50"/>
      <c r="O44" s="50"/>
      <c r="P44" s="50"/>
    </row>
    <row r="45" spans="1:62" s="40" customFormat="1" ht="33" customHeight="1" x14ac:dyDescent="0.25">
      <c r="A45" s="87" t="s">
        <v>13</v>
      </c>
      <c r="B45" s="88"/>
      <c r="C45" s="89"/>
      <c r="D45" s="87"/>
      <c r="E45" s="87"/>
      <c r="F45" s="87"/>
      <c r="G45" s="87"/>
      <c r="H45" s="90"/>
      <c r="I45" s="91"/>
      <c r="J45" s="95"/>
      <c r="K45" s="137"/>
      <c r="L45" s="97"/>
      <c r="M45" s="97"/>
      <c r="N45" s="50"/>
      <c r="O45" s="50"/>
      <c r="P45" s="50"/>
    </row>
    <row r="46" spans="1:62" s="45" customFormat="1" ht="33" customHeight="1" x14ac:dyDescent="0.25">
      <c r="A46" s="60"/>
      <c r="B46" s="61"/>
      <c r="C46" s="61"/>
      <c r="D46" s="61"/>
      <c r="E46" s="62"/>
      <c r="F46" s="62"/>
      <c r="G46" s="62"/>
      <c r="H46" s="62"/>
      <c r="I46" s="61"/>
      <c r="J46" s="61"/>
      <c r="K46" s="61"/>
      <c r="L46" s="127"/>
      <c r="M46" s="127"/>
      <c r="O46" s="63"/>
      <c r="P46" s="63"/>
    </row>
    <row r="47" spans="1:62" s="46" customFormat="1" ht="29.25" customHeight="1" x14ac:dyDescent="0.25">
      <c r="A47" s="139" t="s">
        <v>229</v>
      </c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64"/>
      <c r="M47" s="64"/>
      <c r="N47" s="64"/>
      <c r="O47" s="64"/>
      <c r="P47" s="64"/>
    </row>
    <row r="48" spans="1:62" s="39" customFormat="1" ht="33" customHeight="1" x14ac:dyDescent="0.25">
      <c r="A48" s="128" t="s">
        <v>24</v>
      </c>
      <c r="B48" s="128" t="s">
        <v>39</v>
      </c>
      <c r="C48" s="128" t="s">
        <v>40</v>
      </c>
      <c r="D48" s="128" t="s">
        <v>30</v>
      </c>
      <c r="E48" s="128" t="s">
        <v>32</v>
      </c>
      <c r="F48" s="128" t="s">
        <v>41</v>
      </c>
      <c r="G48" s="128" t="s">
        <v>42</v>
      </c>
      <c r="H48" s="130" t="s">
        <v>45</v>
      </c>
      <c r="I48" s="131"/>
      <c r="J48" s="131"/>
      <c r="K48" s="132" t="s">
        <v>53</v>
      </c>
      <c r="L48" s="134"/>
      <c r="M48" s="134"/>
      <c r="N48" s="47"/>
      <c r="O48" s="47"/>
      <c r="P48" s="47"/>
    </row>
    <row r="49" spans="1:62" s="39" customFormat="1" ht="22.5" customHeight="1" x14ac:dyDescent="0.25">
      <c r="A49" s="129"/>
      <c r="B49" s="129"/>
      <c r="C49" s="129"/>
      <c r="D49" s="129"/>
      <c r="E49" s="129"/>
      <c r="F49" s="129"/>
      <c r="G49" s="129"/>
      <c r="H49" s="48" t="s">
        <v>26</v>
      </c>
      <c r="I49" s="49" t="s">
        <v>27</v>
      </c>
      <c r="J49" s="92" t="s">
        <v>28</v>
      </c>
      <c r="K49" s="133"/>
      <c r="L49" s="96"/>
      <c r="M49" s="96"/>
      <c r="N49" s="47"/>
      <c r="O49" s="47"/>
      <c r="P49" s="47"/>
    </row>
    <row r="50" spans="1:62" s="111" customFormat="1" ht="14.1" customHeight="1" x14ac:dyDescent="0.25">
      <c r="A50" s="102" t="s">
        <v>0</v>
      </c>
      <c r="B50" s="103" t="s">
        <v>12</v>
      </c>
      <c r="C50" s="103" t="s">
        <v>13</v>
      </c>
      <c r="D50" s="103" t="s">
        <v>14</v>
      </c>
      <c r="E50" s="112" t="s">
        <v>15</v>
      </c>
      <c r="F50" s="104" t="s">
        <v>16</v>
      </c>
      <c r="G50" s="99" t="s">
        <v>17</v>
      </c>
      <c r="H50" s="105" t="s">
        <v>18</v>
      </c>
      <c r="I50" s="106" t="s">
        <v>19</v>
      </c>
      <c r="J50" s="107" t="s">
        <v>35</v>
      </c>
      <c r="K50" s="108" t="s">
        <v>36</v>
      </c>
      <c r="L50" s="117"/>
      <c r="M50" s="117"/>
      <c r="N50" s="109"/>
      <c r="O50" s="109"/>
      <c r="P50" s="109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0"/>
      <c r="AP50" s="110"/>
      <c r="AQ50" s="110"/>
      <c r="AR50" s="110"/>
      <c r="AS50" s="110"/>
      <c r="AT50" s="110"/>
      <c r="AU50" s="110"/>
      <c r="AV50" s="110"/>
      <c r="AW50" s="110"/>
      <c r="AX50" s="110"/>
      <c r="AY50" s="110"/>
      <c r="AZ50" s="110"/>
      <c r="BA50" s="110"/>
      <c r="BB50" s="110"/>
      <c r="BC50" s="110"/>
      <c r="BD50" s="110"/>
      <c r="BE50" s="110"/>
      <c r="BF50" s="110"/>
      <c r="BG50" s="110"/>
      <c r="BH50" s="110"/>
      <c r="BI50" s="110"/>
      <c r="BJ50" s="110"/>
    </row>
    <row r="51" spans="1:62" s="40" customFormat="1" ht="33" customHeight="1" x14ac:dyDescent="0.25">
      <c r="A51" s="86" t="s">
        <v>0</v>
      </c>
      <c r="B51" s="65"/>
      <c r="C51" s="66"/>
      <c r="D51" s="84"/>
      <c r="E51" s="84"/>
      <c r="F51" s="84"/>
      <c r="G51" s="84"/>
      <c r="H51" s="67"/>
      <c r="I51" s="68"/>
      <c r="J51" s="93"/>
      <c r="K51" s="135" t="s">
        <v>69</v>
      </c>
      <c r="L51" s="97"/>
      <c r="M51" s="97"/>
      <c r="N51" s="50"/>
      <c r="O51" s="50"/>
      <c r="P51" s="50"/>
    </row>
    <row r="52" spans="1:62" s="40" customFormat="1" ht="33" customHeight="1" x14ac:dyDescent="0.25">
      <c r="A52" s="85" t="s">
        <v>12</v>
      </c>
      <c r="B52" s="69"/>
      <c r="C52" s="70"/>
      <c r="D52" s="85"/>
      <c r="E52" s="85"/>
      <c r="F52" s="85"/>
      <c r="G52" s="86"/>
      <c r="H52" s="71"/>
      <c r="I52" s="72"/>
      <c r="J52" s="94"/>
      <c r="K52" s="136"/>
      <c r="L52" s="97"/>
      <c r="M52" s="97"/>
      <c r="N52" s="50"/>
      <c r="O52" s="50"/>
      <c r="P52" s="50"/>
    </row>
    <row r="53" spans="1:62" s="40" customFormat="1" ht="33" customHeight="1" x14ac:dyDescent="0.25">
      <c r="A53" s="87" t="s">
        <v>13</v>
      </c>
      <c r="B53" s="88"/>
      <c r="C53" s="89"/>
      <c r="D53" s="87"/>
      <c r="E53" s="87"/>
      <c r="F53" s="87"/>
      <c r="G53" s="87"/>
      <c r="H53" s="90"/>
      <c r="I53" s="91"/>
      <c r="J53" s="95"/>
      <c r="K53" s="137"/>
      <c r="L53" s="97"/>
      <c r="M53" s="97"/>
      <c r="N53" s="50"/>
      <c r="O53" s="50"/>
      <c r="P53" s="50"/>
    </row>
    <row r="54" spans="1:62" s="13" customFormat="1" ht="15.75" customHeight="1" x14ac:dyDescent="0.2">
      <c r="A54" s="23"/>
      <c r="B54" s="23"/>
      <c r="C54" s="10"/>
      <c r="D54" s="41"/>
      <c r="F54" s="14"/>
      <c r="G54" s="14"/>
      <c r="H54" s="14"/>
      <c r="I54" s="14"/>
      <c r="J54" s="26"/>
      <c r="K54" s="26"/>
      <c r="L54" s="26"/>
      <c r="M54" s="26"/>
    </row>
    <row r="55" spans="1:62" s="40" customFormat="1" ht="33" customHeight="1" x14ac:dyDescent="0.25">
      <c r="A55" s="73"/>
      <c r="B55" s="74"/>
      <c r="C55" s="74"/>
      <c r="D55" s="73"/>
      <c r="E55" s="73"/>
      <c r="F55" s="73"/>
      <c r="G55" s="73"/>
      <c r="H55" s="75"/>
      <c r="I55" s="76"/>
      <c r="J55" s="75"/>
      <c r="K55" s="118"/>
      <c r="L55" s="97"/>
      <c r="M55" s="97"/>
      <c r="N55" s="50"/>
      <c r="O55" s="50"/>
      <c r="P55" s="50"/>
    </row>
    <row r="56" spans="1:62" s="40" customFormat="1" ht="33" customHeight="1" x14ac:dyDescent="0.25">
      <c r="A56" s="73"/>
      <c r="B56" s="74"/>
      <c r="C56" s="74"/>
      <c r="D56" s="73"/>
      <c r="E56" s="73"/>
      <c r="F56" s="73"/>
      <c r="G56" s="73"/>
      <c r="H56" s="75"/>
      <c r="I56" s="76"/>
      <c r="J56" s="75"/>
      <c r="K56" s="120"/>
      <c r="L56" s="97"/>
      <c r="M56" s="97"/>
      <c r="N56" s="50"/>
      <c r="O56" s="50"/>
      <c r="P56" s="50"/>
    </row>
    <row r="57" spans="1:62" s="18" customFormat="1" ht="20.100000000000001" customHeight="1" x14ac:dyDescent="0.2">
      <c r="A57" s="42" t="s">
        <v>3</v>
      </c>
      <c r="B57" s="42"/>
      <c r="C57" s="141"/>
      <c r="D57" s="141"/>
      <c r="E57" s="25"/>
      <c r="F57" s="17"/>
      <c r="G57" s="17"/>
      <c r="H57" s="17"/>
      <c r="I57" s="17"/>
      <c r="J57" s="17"/>
      <c r="K57" s="26"/>
      <c r="L57" s="26"/>
    </row>
    <row r="58" spans="1:62" s="18" customFormat="1" ht="20.100000000000001" customHeight="1" x14ac:dyDescent="0.2">
      <c r="A58" s="42" t="s">
        <v>4</v>
      </c>
      <c r="B58" s="42"/>
      <c r="C58" s="140"/>
      <c r="D58" s="140"/>
      <c r="E58" s="20"/>
      <c r="F58" s="17"/>
      <c r="G58" s="17"/>
      <c r="H58" s="17"/>
      <c r="I58" s="17"/>
      <c r="J58" s="17"/>
      <c r="K58" s="21"/>
      <c r="L58" s="22"/>
    </row>
    <row r="59" spans="1:62" s="18" customFormat="1" ht="20.100000000000001" customHeight="1" x14ac:dyDescent="0.2">
      <c r="A59" s="42" t="s">
        <v>5</v>
      </c>
      <c r="B59" s="42"/>
      <c r="C59" s="140"/>
      <c r="D59" s="140"/>
      <c r="E59" s="20"/>
      <c r="F59" s="17"/>
      <c r="G59" s="17"/>
      <c r="H59" s="17"/>
      <c r="I59" s="17"/>
      <c r="J59" s="17"/>
      <c r="K59" s="21"/>
      <c r="L59" s="22"/>
    </row>
    <row r="60" spans="1:62" s="18" customFormat="1" ht="20.100000000000001" customHeight="1" x14ac:dyDescent="0.25">
      <c r="A60" s="42"/>
      <c r="B60" s="42"/>
      <c r="C60" s="42"/>
      <c r="D60" s="19"/>
      <c r="E60" s="20"/>
      <c r="F60" s="17"/>
      <c r="G60" s="17"/>
      <c r="H60" s="17"/>
      <c r="I60" s="17"/>
      <c r="J60" s="17"/>
      <c r="K60" s="21"/>
      <c r="L60" s="22"/>
    </row>
    <row r="61" spans="1:62" s="18" customFormat="1" ht="20.100000000000001" customHeight="1" x14ac:dyDescent="0.2">
      <c r="A61" s="42" t="s">
        <v>6</v>
      </c>
      <c r="B61" s="42"/>
      <c r="C61" s="141"/>
      <c r="D61" s="141"/>
      <c r="E61" s="20"/>
      <c r="F61" s="17"/>
      <c r="G61" s="17"/>
      <c r="H61" s="17"/>
      <c r="I61" s="17"/>
      <c r="J61" s="17"/>
      <c r="K61" s="21"/>
      <c r="L61" s="22"/>
    </row>
    <row r="62" spans="1:62" s="18" customFormat="1" ht="20.100000000000001" customHeight="1" x14ac:dyDescent="0.2">
      <c r="A62" s="42" t="s">
        <v>7</v>
      </c>
      <c r="B62" s="42"/>
      <c r="C62" s="140"/>
      <c r="D62" s="140"/>
      <c r="E62" s="20"/>
      <c r="F62" s="17"/>
      <c r="G62" s="27" t="s">
        <v>20</v>
      </c>
      <c r="H62" s="151"/>
      <c r="I62" s="151"/>
      <c r="J62" s="17"/>
      <c r="K62" s="21"/>
      <c r="L62" s="22"/>
    </row>
    <row r="63" spans="1:62" s="18" customFormat="1" ht="20.100000000000001" customHeight="1" x14ac:dyDescent="0.2">
      <c r="A63" s="42" t="s">
        <v>8</v>
      </c>
      <c r="B63" s="42"/>
      <c r="C63" s="140"/>
      <c r="D63" s="140"/>
      <c r="E63" s="20"/>
      <c r="F63" s="17"/>
      <c r="G63" s="28"/>
      <c r="H63" s="29"/>
      <c r="I63" s="29"/>
    </row>
    <row r="64" spans="1:62" s="18" customFormat="1" ht="20.100000000000001" customHeight="1" x14ac:dyDescent="0.25">
      <c r="A64" s="19"/>
      <c r="B64" s="19"/>
      <c r="C64" s="19"/>
      <c r="D64" s="20"/>
      <c r="E64" s="20"/>
      <c r="F64" s="17"/>
      <c r="G64" s="30" t="s">
        <v>21</v>
      </c>
      <c r="H64" s="152"/>
      <c r="I64" s="152"/>
    </row>
    <row r="65" spans="1:13" s="18" customFormat="1" ht="20.100000000000001" customHeight="1" x14ac:dyDescent="0.25">
      <c r="A65" s="19"/>
      <c r="B65" s="19"/>
      <c r="C65" s="19"/>
      <c r="D65" s="20"/>
      <c r="E65" s="20"/>
      <c r="F65" s="17"/>
      <c r="G65" s="30" t="s">
        <v>22</v>
      </c>
      <c r="H65" s="150"/>
      <c r="I65" s="150"/>
    </row>
    <row r="66" spans="1:13" s="13" customFormat="1" ht="20.100000000000001" customHeight="1" x14ac:dyDescent="0.2">
      <c r="A66" s="10" t="s">
        <v>2</v>
      </c>
      <c r="B66" s="140"/>
      <c r="C66" s="140"/>
      <c r="D66" s="11"/>
      <c r="E66" s="11"/>
      <c r="F66" s="14"/>
      <c r="G66" s="31" t="s">
        <v>23</v>
      </c>
      <c r="H66" s="28"/>
      <c r="I66" s="32"/>
      <c r="M66" s="10"/>
    </row>
    <row r="67" spans="1:13" s="13" customFormat="1" ht="20.100000000000001" customHeight="1" x14ac:dyDescent="0.2">
      <c r="A67" s="10" t="s">
        <v>1</v>
      </c>
      <c r="B67" s="149"/>
      <c r="C67" s="149"/>
      <c r="D67" s="11"/>
      <c r="E67" s="11"/>
      <c r="F67" s="14"/>
      <c r="G67" s="14"/>
      <c r="H67" s="14"/>
      <c r="I67" s="14"/>
      <c r="M67" s="10"/>
    </row>
    <row r="68" spans="1:13" s="13" customFormat="1" x14ac:dyDescent="0.2">
      <c r="A68" s="10"/>
      <c r="B68" s="10"/>
      <c r="C68" s="10"/>
      <c r="D68" s="11"/>
      <c r="E68" s="11"/>
      <c r="F68" s="14"/>
      <c r="G68" s="14"/>
      <c r="H68" s="14"/>
      <c r="I68" s="14"/>
      <c r="J68" s="14"/>
      <c r="K68" s="12"/>
      <c r="L68" s="10"/>
      <c r="M68" s="10"/>
    </row>
    <row r="69" spans="1:13" s="13" customFormat="1" ht="15" customHeight="1" x14ac:dyDescent="0.2">
      <c r="A69" s="10"/>
      <c r="B69" s="10"/>
      <c r="D69" s="11"/>
      <c r="E69" s="11"/>
      <c r="F69" s="14"/>
      <c r="G69" s="14"/>
      <c r="H69" s="14"/>
      <c r="I69" s="14"/>
      <c r="J69" s="14"/>
      <c r="K69" s="12"/>
      <c r="L69" s="10"/>
      <c r="M69" s="10"/>
    </row>
    <row r="70" spans="1:13" s="2" customFormat="1" x14ac:dyDescent="0.2">
      <c r="A70" s="148" t="s">
        <v>10</v>
      </c>
      <c r="B70" s="148"/>
      <c r="D70" s="3"/>
      <c r="E70" s="3"/>
      <c r="F70" s="4"/>
      <c r="G70" s="4"/>
      <c r="H70" s="4"/>
      <c r="I70" s="4"/>
      <c r="J70" s="4"/>
      <c r="K70" s="15"/>
    </row>
    <row r="71" spans="1:13" ht="14.25" x14ac:dyDescent="0.2">
      <c r="A71" s="33"/>
      <c r="B71" s="34" t="s">
        <v>11</v>
      </c>
    </row>
    <row r="72" spans="1:13" ht="6.75" customHeight="1" x14ac:dyDescent="0.2">
      <c r="A72" s="35"/>
      <c r="B72" s="36"/>
    </row>
  </sheetData>
  <mergeCells count="84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5:K15"/>
    <mergeCell ref="A16:A17"/>
    <mergeCell ref="B16:B17"/>
    <mergeCell ref="C16:C17"/>
    <mergeCell ref="D16:D17"/>
    <mergeCell ref="E16:E17"/>
    <mergeCell ref="F16:F17"/>
    <mergeCell ref="G16:G17"/>
    <mergeCell ref="K27:K29"/>
    <mergeCell ref="H16:J16"/>
    <mergeCell ref="K16:K17"/>
    <mergeCell ref="L16:M16"/>
    <mergeCell ref="K19:K21"/>
    <mergeCell ref="A23:K23"/>
    <mergeCell ref="A24:A25"/>
    <mergeCell ref="B24:B25"/>
    <mergeCell ref="C24:C25"/>
    <mergeCell ref="D24:D25"/>
    <mergeCell ref="E24:E25"/>
    <mergeCell ref="F24:F25"/>
    <mergeCell ref="G24:G25"/>
    <mergeCell ref="H24:J24"/>
    <mergeCell ref="K24:K25"/>
    <mergeCell ref="L24:M24"/>
    <mergeCell ref="A31:K31"/>
    <mergeCell ref="A32:A33"/>
    <mergeCell ref="B32:B33"/>
    <mergeCell ref="C32:C33"/>
    <mergeCell ref="D32:D33"/>
    <mergeCell ref="E32:E33"/>
    <mergeCell ref="F32:F33"/>
    <mergeCell ref="G32:G33"/>
    <mergeCell ref="H32:J32"/>
    <mergeCell ref="K32:K33"/>
    <mergeCell ref="L32:M32"/>
    <mergeCell ref="K35:K37"/>
    <mergeCell ref="A39:K39"/>
    <mergeCell ref="A40:A41"/>
    <mergeCell ref="B40:B41"/>
    <mergeCell ref="C40:C41"/>
    <mergeCell ref="D40:D41"/>
    <mergeCell ref="E40:E41"/>
    <mergeCell ref="F40:F41"/>
    <mergeCell ref="G40:G41"/>
    <mergeCell ref="K48:K49"/>
    <mergeCell ref="L48:M48"/>
    <mergeCell ref="K51:K53"/>
    <mergeCell ref="H40:J40"/>
    <mergeCell ref="K40:K41"/>
    <mergeCell ref="L40:M40"/>
    <mergeCell ref="K43:K45"/>
    <mergeCell ref="A47:K47"/>
    <mergeCell ref="A48:A49"/>
    <mergeCell ref="B48:B49"/>
    <mergeCell ref="C48:C49"/>
    <mergeCell ref="D48:D49"/>
    <mergeCell ref="E48:E49"/>
    <mergeCell ref="C63:D63"/>
    <mergeCell ref="H62:I62"/>
    <mergeCell ref="F48:F49"/>
    <mergeCell ref="G48:G49"/>
    <mergeCell ref="H48:J48"/>
    <mergeCell ref="C57:D57"/>
    <mergeCell ref="C58:D58"/>
    <mergeCell ref="C59:D59"/>
    <mergeCell ref="C61:D61"/>
    <mergeCell ref="C62:D62"/>
    <mergeCell ref="H64:I64"/>
    <mergeCell ref="H65:I65"/>
    <mergeCell ref="B66:C66"/>
    <mergeCell ref="B67:C67"/>
    <mergeCell ref="A70:B70"/>
  </mergeCells>
  <conditionalFormatting sqref="B66:C66">
    <cfRule type="containsBlanks" dxfId="173" priority="6">
      <formula>LEN(TRIM(B66))=0</formula>
    </cfRule>
  </conditionalFormatting>
  <conditionalFormatting sqref="B67:C67">
    <cfRule type="containsBlanks" dxfId="172" priority="5">
      <formula>LEN(TRIM(B67))=0</formula>
    </cfRule>
  </conditionalFormatting>
  <conditionalFormatting sqref="H64:I64">
    <cfRule type="containsBlanks" dxfId="171" priority="4">
      <formula>LEN(TRIM(H64))=0</formula>
    </cfRule>
  </conditionalFormatting>
  <conditionalFormatting sqref="H65:I65">
    <cfRule type="containsBlanks" dxfId="170" priority="3">
      <formula>LEN(TRIM(H65))=0</formula>
    </cfRule>
  </conditionalFormatting>
  <conditionalFormatting sqref="C57:D59">
    <cfRule type="containsBlanks" dxfId="169" priority="2">
      <formula>LEN(TRIM(C57))=0</formula>
    </cfRule>
  </conditionalFormatting>
  <conditionalFormatting sqref="C61:D63">
    <cfRule type="containsBlanks" dxfId="168" priority="1">
      <formula>LEN(TRIM(C61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2" max="12" man="1"/>
    <brk id="46" max="12" man="1"/>
  </rowBreaks>
  <colBreaks count="1" manualBreakCount="1">
    <brk id="13" max="28" man="1"/>
  </colBreaks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6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231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232</v>
      </c>
      <c r="C9" s="114" t="s">
        <v>46</v>
      </c>
      <c r="D9" s="119">
        <v>48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233</v>
      </c>
      <c r="C10" s="114" t="s">
        <v>46</v>
      </c>
      <c r="D10" s="119">
        <v>24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234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236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235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237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41"/>
      <c r="D31" s="141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40"/>
      <c r="D32" s="14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40"/>
      <c r="D33" s="14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41"/>
      <c r="D35" s="141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40"/>
      <c r="D36" s="140"/>
      <c r="E36" s="20"/>
      <c r="F36" s="17"/>
      <c r="G36" s="27" t="s">
        <v>20</v>
      </c>
      <c r="H36" s="151"/>
      <c r="I36" s="151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40"/>
      <c r="D37" s="14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52"/>
      <c r="I38" s="152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50"/>
      <c r="I39" s="150"/>
    </row>
    <row r="40" spans="1:13" s="13" customFormat="1" ht="20.100000000000001" customHeight="1" x14ac:dyDescent="0.2">
      <c r="A40" s="10" t="s">
        <v>2</v>
      </c>
      <c r="B40" s="140"/>
      <c r="C40" s="14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49"/>
      <c r="C41" s="149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48" t="s">
        <v>10</v>
      </c>
      <c r="B44" s="148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H38:I38"/>
    <mergeCell ref="H39:I39"/>
    <mergeCell ref="B40:C40"/>
    <mergeCell ref="B41:C41"/>
    <mergeCell ref="A44:B44"/>
  </mergeCells>
  <conditionalFormatting sqref="B40:C40">
    <cfRule type="containsBlanks" dxfId="167" priority="6">
      <formula>LEN(TRIM(B40))=0</formula>
    </cfRule>
  </conditionalFormatting>
  <conditionalFormatting sqref="B41:C41">
    <cfRule type="containsBlanks" dxfId="166" priority="5">
      <formula>LEN(TRIM(B41))=0</formula>
    </cfRule>
  </conditionalFormatting>
  <conditionalFormatting sqref="H38:I38">
    <cfRule type="containsBlanks" dxfId="165" priority="4">
      <formula>LEN(TRIM(H38))=0</formula>
    </cfRule>
  </conditionalFormatting>
  <conditionalFormatting sqref="H39:I39">
    <cfRule type="containsBlanks" dxfId="164" priority="3">
      <formula>LEN(TRIM(H39))=0</formula>
    </cfRule>
  </conditionalFormatting>
  <conditionalFormatting sqref="C31:D33">
    <cfRule type="containsBlanks" dxfId="163" priority="2">
      <formula>LEN(TRIM(C31))=0</formula>
    </cfRule>
  </conditionalFormatting>
  <conditionalFormatting sqref="C35:D37">
    <cfRule type="containsBlanks" dxfId="162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6"/>
  <sheetViews>
    <sheetView showGridLines="0" topLeftCell="A4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23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239</v>
      </c>
      <c r="C9" s="114" t="s">
        <v>46</v>
      </c>
      <c r="D9" s="119">
        <v>12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240</v>
      </c>
      <c r="C10" s="114" t="s">
        <v>46</v>
      </c>
      <c r="D10" s="119">
        <v>12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241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165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242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165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41"/>
      <c r="D31" s="141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40"/>
      <c r="D32" s="14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40"/>
      <c r="D33" s="14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41"/>
      <c r="D35" s="141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40"/>
      <c r="D36" s="140"/>
      <c r="E36" s="20"/>
      <c r="F36" s="17"/>
      <c r="G36" s="27" t="s">
        <v>20</v>
      </c>
      <c r="H36" s="151"/>
      <c r="I36" s="151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40"/>
      <c r="D37" s="14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52"/>
      <c r="I38" s="152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50"/>
      <c r="I39" s="150"/>
    </row>
    <row r="40" spans="1:13" s="13" customFormat="1" ht="20.100000000000001" customHeight="1" x14ac:dyDescent="0.2">
      <c r="A40" s="10" t="s">
        <v>2</v>
      </c>
      <c r="B40" s="140"/>
      <c r="C40" s="14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49"/>
      <c r="C41" s="149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48" t="s">
        <v>10</v>
      </c>
      <c r="B44" s="148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H38:I38"/>
    <mergeCell ref="H39:I39"/>
    <mergeCell ref="B40:C40"/>
    <mergeCell ref="B41:C41"/>
    <mergeCell ref="A44:B44"/>
  </mergeCells>
  <conditionalFormatting sqref="B40:C40">
    <cfRule type="containsBlanks" dxfId="161" priority="6">
      <formula>LEN(TRIM(B40))=0</formula>
    </cfRule>
  </conditionalFormatting>
  <conditionalFormatting sqref="B41:C41">
    <cfRule type="containsBlanks" dxfId="160" priority="5">
      <formula>LEN(TRIM(B41))=0</formula>
    </cfRule>
  </conditionalFormatting>
  <conditionalFormatting sqref="H38:I38">
    <cfRule type="containsBlanks" dxfId="159" priority="4">
      <formula>LEN(TRIM(H38))=0</formula>
    </cfRule>
  </conditionalFormatting>
  <conditionalFormatting sqref="H39:I39">
    <cfRule type="containsBlanks" dxfId="158" priority="3">
      <formula>LEN(TRIM(H39))=0</formula>
    </cfRule>
  </conditionalFormatting>
  <conditionalFormatting sqref="C31:D33">
    <cfRule type="containsBlanks" dxfId="157" priority="2">
      <formula>LEN(TRIM(C31))=0</formula>
    </cfRule>
  </conditionalFormatting>
  <conditionalFormatting sqref="C35:D37">
    <cfRule type="containsBlanks" dxfId="156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6"/>
  <sheetViews>
    <sheetView showGridLines="0" topLeftCell="A3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243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69.95" customHeight="1" x14ac:dyDescent="0.25">
      <c r="A9" s="51" t="s">
        <v>0</v>
      </c>
      <c r="B9" s="52" t="s">
        <v>246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245</v>
      </c>
      <c r="C10" s="114" t="s">
        <v>46</v>
      </c>
      <c r="D10" s="119">
        <v>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244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69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247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69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41"/>
      <c r="D31" s="141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40"/>
      <c r="D32" s="14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40"/>
      <c r="D33" s="14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41"/>
      <c r="D35" s="141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40"/>
      <c r="D36" s="140"/>
      <c r="E36" s="20"/>
      <c r="F36" s="17"/>
      <c r="G36" s="27" t="s">
        <v>20</v>
      </c>
      <c r="H36" s="151"/>
      <c r="I36" s="151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40"/>
      <c r="D37" s="14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52"/>
      <c r="I38" s="152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50"/>
      <c r="I39" s="150"/>
    </row>
    <row r="40" spans="1:13" s="13" customFormat="1" ht="20.100000000000001" customHeight="1" x14ac:dyDescent="0.2">
      <c r="A40" s="10" t="s">
        <v>2</v>
      </c>
      <c r="B40" s="140"/>
      <c r="C40" s="14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49"/>
      <c r="C41" s="149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48" t="s">
        <v>10</v>
      </c>
      <c r="B44" s="148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H38:I38"/>
    <mergeCell ref="H39:I39"/>
    <mergeCell ref="B40:C40"/>
    <mergeCell ref="B41:C41"/>
    <mergeCell ref="A44:B44"/>
  </mergeCells>
  <conditionalFormatting sqref="B40:C40">
    <cfRule type="containsBlanks" dxfId="155" priority="6">
      <formula>LEN(TRIM(B40))=0</formula>
    </cfRule>
  </conditionalFormatting>
  <conditionalFormatting sqref="B41:C41">
    <cfRule type="containsBlanks" dxfId="154" priority="5">
      <formula>LEN(TRIM(B41))=0</formula>
    </cfRule>
  </conditionalFormatting>
  <conditionalFormatting sqref="H38:I38">
    <cfRule type="containsBlanks" dxfId="153" priority="4">
      <formula>LEN(TRIM(H38))=0</formula>
    </cfRule>
  </conditionalFormatting>
  <conditionalFormatting sqref="H39:I39">
    <cfRule type="containsBlanks" dxfId="152" priority="3">
      <formula>LEN(TRIM(H39))=0</formula>
    </cfRule>
  </conditionalFormatting>
  <conditionalFormatting sqref="C31:D33">
    <cfRule type="containsBlanks" dxfId="151" priority="2">
      <formula>LEN(TRIM(C31))=0</formula>
    </cfRule>
  </conditionalFormatting>
  <conditionalFormatting sqref="C35:D37">
    <cfRule type="containsBlanks" dxfId="150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6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24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249</v>
      </c>
      <c r="C9" s="114" t="s">
        <v>46</v>
      </c>
      <c r="D9" s="119">
        <v>1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250</v>
      </c>
      <c r="C10" s="114" t="s">
        <v>46</v>
      </c>
      <c r="D10" s="119">
        <v>1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251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195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252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195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41"/>
      <c r="D31" s="141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40"/>
      <c r="D32" s="14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40"/>
      <c r="D33" s="14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41"/>
      <c r="D35" s="141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40"/>
      <c r="D36" s="140"/>
      <c r="E36" s="20"/>
      <c r="F36" s="17"/>
      <c r="G36" s="27" t="s">
        <v>20</v>
      </c>
      <c r="H36" s="151"/>
      <c r="I36" s="151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40"/>
      <c r="D37" s="14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52"/>
      <c r="I38" s="152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50"/>
      <c r="I39" s="150"/>
    </row>
    <row r="40" spans="1:13" s="13" customFormat="1" ht="20.100000000000001" customHeight="1" x14ac:dyDescent="0.2">
      <c r="A40" s="10" t="s">
        <v>2</v>
      </c>
      <c r="B40" s="140"/>
      <c r="C40" s="14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49"/>
      <c r="C41" s="149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48" t="s">
        <v>10</v>
      </c>
      <c r="B44" s="148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H38:I38"/>
    <mergeCell ref="H39:I39"/>
    <mergeCell ref="B40:C40"/>
    <mergeCell ref="B41:C41"/>
    <mergeCell ref="A44:B44"/>
  </mergeCells>
  <conditionalFormatting sqref="B40:C40">
    <cfRule type="containsBlanks" dxfId="149" priority="6">
      <formula>LEN(TRIM(B40))=0</formula>
    </cfRule>
  </conditionalFormatting>
  <conditionalFormatting sqref="B41:C41">
    <cfRule type="containsBlanks" dxfId="148" priority="5">
      <formula>LEN(TRIM(B41))=0</formula>
    </cfRule>
  </conditionalFormatting>
  <conditionalFormatting sqref="H38:I38">
    <cfRule type="containsBlanks" dxfId="147" priority="4">
      <formula>LEN(TRIM(H38))=0</formula>
    </cfRule>
  </conditionalFormatting>
  <conditionalFormatting sqref="H39:I39">
    <cfRule type="containsBlanks" dxfId="146" priority="3">
      <formula>LEN(TRIM(H39))=0</formula>
    </cfRule>
  </conditionalFormatting>
  <conditionalFormatting sqref="C31:D33">
    <cfRule type="containsBlanks" dxfId="145" priority="2">
      <formula>LEN(TRIM(C31))=0</formula>
    </cfRule>
  </conditionalFormatting>
  <conditionalFormatting sqref="C35:D37">
    <cfRule type="containsBlanks" dxfId="144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52"/>
  <sheetViews>
    <sheetView showGridLines="0" topLeftCell="A4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253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254</v>
      </c>
      <c r="C9" s="114" t="s">
        <v>46</v>
      </c>
      <c r="D9" s="119">
        <v>6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x14ac:dyDescent="0.25">
      <c r="A10" s="51" t="s">
        <v>12</v>
      </c>
      <c r="B10" s="52" t="s">
        <v>255</v>
      </c>
      <c r="C10" s="114" t="s">
        <v>46</v>
      </c>
      <c r="D10" s="119">
        <v>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4" customFormat="1" ht="39.75" customHeight="1" thickBot="1" x14ac:dyDescent="0.3">
      <c r="A11" s="51" t="s">
        <v>13</v>
      </c>
      <c r="B11" s="52" t="s">
        <v>256</v>
      </c>
      <c r="C11" s="114" t="s">
        <v>46</v>
      </c>
      <c r="D11" s="119">
        <v>2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62" s="45" customFormat="1" ht="33" customHeight="1" thickBot="1" x14ac:dyDescent="0.3">
      <c r="A12" s="60"/>
      <c r="B12" s="61"/>
      <c r="C12" s="61"/>
      <c r="D12" s="61"/>
      <c r="E12" s="62"/>
      <c r="F12" s="62"/>
      <c r="G12" s="62"/>
      <c r="H12" s="62"/>
      <c r="I12" s="61"/>
      <c r="J12" s="61"/>
      <c r="K12" s="61"/>
      <c r="L12" s="98">
        <f>SUM(L9:L11)</f>
        <v>0</v>
      </c>
      <c r="M12" s="116">
        <f>SUM(M9:M11)</f>
        <v>0</v>
      </c>
      <c r="O12" s="63"/>
      <c r="P12" s="63"/>
    </row>
    <row r="13" spans="1:62" s="46" customFormat="1" ht="29.25" customHeight="1" x14ac:dyDescent="0.25">
      <c r="A13" s="139" t="s">
        <v>257</v>
      </c>
      <c r="B13" s="139"/>
      <c r="C13" s="139"/>
      <c r="D13" s="139"/>
      <c r="E13" s="139"/>
      <c r="F13" s="139"/>
      <c r="G13" s="139"/>
      <c r="H13" s="139"/>
      <c r="I13" s="139"/>
      <c r="J13" s="139"/>
      <c r="K13" s="139"/>
      <c r="L13" s="64"/>
      <c r="M13" s="64"/>
      <c r="N13" s="64"/>
      <c r="O13" s="64"/>
      <c r="P13" s="64"/>
    </row>
    <row r="14" spans="1:62" s="39" customFormat="1" ht="33" customHeight="1" x14ac:dyDescent="0.25">
      <c r="A14" s="128" t="s">
        <v>24</v>
      </c>
      <c r="B14" s="128" t="s">
        <v>39</v>
      </c>
      <c r="C14" s="128" t="s">
        <v>40</v>
      </c>
      <c r="D14" s="128" t="s">
        <v>30</v>
      </c>
      <c r="E14" s="128" t="s">
        <v>32</v>
      </c>
      <c r="F14" s="128" t="s">
        <v>41</v>
      </c>
      <c r="G14" s="128" t="s">
        <v>42</v>
      </c>
      <c r="H14" s="130" t="s">
        <v>45</v>
      </c>
      <c r="I14" s="131"/>
      <c r="J14" s="131"/>
      <c r="K14" s="132" t="s">
        <v>53</v>
      </c>
      <c r="L14" s="134"/>
      <c r="M14" s="134"/>
      <c r="N14" s="47"/>
      <c r="O14" s="47"/>
      <c r="P14" s="47"/>
    </row>
    <row r="15" spans="1:62" s="39" customFormat="1" ht="22.5" customHeight="1" x14ac:dyDescent="0.25">
      <c r="A15" s="129"/>
      <c r="B15" s="129"/>
      <c r="C15" s="129"/>
      <c r="D15" s="129"/>
      <c r="E15" s="129"/>
      <c r="F15" s="129"/>
      <c r="G15" s="129"/>
      <c r="H15" s="48" t="s">
        <v>26</v>
      </c>
      <c r="I15" s="49" t="s">
        <v>27</v>
      </c>
      <c r="J15" s="92" t="s">
        <v>28</v>
      </c>
      <c r="K15" s="133"/>
      <c r="L15" s="96"/>
      <c r="M15" s="96"/>
      <c r="N15" s="47"/>
      <c r="O15" s="47"/>
      <c r="P15" s="47"/>
    </row>
    <row r="16" spans="1:62" s="111" customFormat="1" ht="14.1" customHeight="1" x14ac:dyDescent="0.25">
      <c r="A16" s="102" t="s">
        <v>0</v>
      </c>
      <c r="B16" s="103" t="s">
        <v>12</v>
      </c>
      <c r="C16" s="103" t="s">
        <v>13</v>
      </c>
      <c r="D16" s="103" t="s">
        <v>14</v>
      </c>
      <c r="E16" s="112" t="s">
        <v>15</v>
      </c>
      <c r="F16" s="104" t="s">
        <v>16</v>
      </c>
      <c r="G16" s="99" t="s">
        <v>17</v>
      </c>
      <c r="H16" s="105" t="s">
        <v>18</v>
      </c>
      <c r="I16" s="106" t="s">
        <v>19</v>
      </c>
      <c r="J16" s="107" t="s">
        <v>35</v>
      </c>
      <c r="K16" s="108" t="s">
        <v>36</v>
      </c>
      <c r="L16" s="117"/>
      <c r="M16" s="117"/>
      <c r="N16" s="109"/>
      <c r="O16" s="109"/>
      <c r="P16" s="109"/>
      <c r="Q16" s="110"/>
      <c r="R16" s="110"/>
      <c r="S16" s="110"/>
      <c r="T16" s="110"/>
      <c r="U16" s="110"/>
      <c r="V16" s="110"/>
      <c r="W16" s="110"/>
      <c r="X16" s="110"/>
      <c r="Y16" s="110"/>
      <c r="Z16" s="110"/>
      <c r="AA16" s="110"/>
      <c r="AB16" s="110"/>
      <c r="AC16" s="110"/>
      <c r="AD16" s="110"/>
      <c r="AE16" s="110"/>
      <c r="AF16" s="110"/>
      <c r="AG16" s="110"/>
      <c r="AH16" s="110"/>
      <c r="AI16" s="110"/>
      <c r="AJ16" s="110"/>
      <c r="AK16" s="110"/>
      <c r="AL16" s="110"/>
      <c r="AM16" s="110"/>
      <c r="AN16" s="110"/>
      <c r="AO16" s="110"/>
      <c r="AP16" s="110"/>
      <c r="AQ16" s="110"/>
      <c r="AR16" s="110"/>
      <c r="AS16" s="110"/>
      <c r="AT16" s="110"/>
      <c r="AU16" s="110"/>
      <c r="AV16" s="110"/>
      <c r="AW16" s="110"/>
      <c r="AX16" s="110"/>
      <c r="AY16" s="110"/>
      <c r="AZ16" s="110"/>
      <c r="BA16" s="110"/>
      <c r="BB16" s="110"/>
      <c r="BC16" s="110"/>
      <c r="BD16" s="110"/>
      <c r="BE16" s="110"/>
      <c r="BF16" s="110"/>
      <c r="BG16" s="110"/>
      <c r="BH16" s="110"/>
      <c r="BI16" s="110"/>
      <c r="BJ16" s="110"/>
    </row>
    <row r="17" spans="1:62" s="40" customFormat="1" ht="33" customHeight="1" x14ac:dyDescent="0.25">
      <c r="A17" s="86" t="s">
        <v>0</v>
      </c>
      <c r="B17" s="65"/>
      <c r="C17" s="66"/>
      <c r="D17" s="84"/>
      <c r="E17" s="84"/>
      <c r="F17" s="84"/>
      <c r="G17" s="84"/>
      <c r="H17" s="67"/>
      <c r="I17" s="68"/>
      <c r="J17" s="93"/>
      <c r="K17" s="135" t="s">
        <v>180</v>
      </c>
      <c r="L17" s="97"/>
      <c r="M17" s="97"/>
      <c r="N17" s="50"/>
      <c r="O17" s="50"/>
      <c r="P17" s="50"/>
    </row>
    <row r="18" spans="1:62" s="40" customFormat="1" ht="33" customHeight="1" x14ac:dyDescent="0.25">
      <c r="A18" s="85" t="s">
        <v>12</v>
      </c>
      <c r="B18" s="69"/>
      <c r="C18" s="70"/>
      <c r="D18" s="85"/>
      <c r="E18" s="85"/>
      <c r="F18" s="85"/>
      <c r="G18" s="86"/>
      <c r="H18" s="71"/>
      <c r="I18" s="72"/>
      <c r="J18" s="94"/>
      <c r="K18" s="136"/>
      <c r="L18" s="97"/>
      <c r="M18" s="97"/>
      <c r="N18" s="50"/>
      <c r="O18" s="50"/>
      <c r="P18" s="50"/>
    </row>
    <row r="19" spans="1:62" s="40" customFormat="1" ht="33" customHeight="1" x14ac:dyDescent="0.25">
      <c r="A19" s="87" t="s">
        <v>13</v>
      </c>
      <c r="B19" s="88"/>
      <c r="C19" s="89"/>
      <c r="D19" s="87"/>
      <c r="E19" s="87"/>
      <c r="F19" s="87"/>
      <c r="G19" s="87"/>
      <c r="H19" s="90"/>
      <c r="I19" s="91"/>
      <c r="J19" s="95"/>
      <c r="K19" s="137"/>
      <c r="L19" s="97"/>
      <c r="M19" s="97"/>
      <c r="N19" s="50"/>
      <c r="O19" s="50"/>
      <c r="P19" s="50"/>
    </row>
    <row r="20" spans="1:62" s="13" customFormat="1" ht="15.75" customHeight="1" x14ac:dyDescent="0.2">
      <c r="A20" s="23"/>
      <c r="B20" s="23"/>
      <c r="C20" s="10"/>
      <c r="D20" s="41"/>
      <c r="F20" s="14"/>
      <c r="G20" s="14"/>
      <c r="H20" s="14"/>
      <c r="I20" s="14"/>
      <c r="J20" s="26"/>
      <c r="K20" s="26"/>
      <c r="L20" s="26"/>
      <c r="M20" s="26"/>
    </row>
    <row r="21" spans="1:62" s="46" customFormat="1" ht="29.25" customHeight="1" x14ac:dyDescent="0.25">
      <c r="A21" s="139" t="s">
        <v>258</v>
      </c>
      <c r="B21" s="139"/>
      <c r="C21" s="139"/>
      <c r="D21" s="139"/>
      <c r="E21" s="139"/>
      <c r="F21" s="139"/>
      <c r="G21" s="139"/>
      <c r="H21" s="139"/>
      <c r="I21" s="139"/>
      <c r="J21" s="139"/>
      <c r="K21" s="139"/>
      <c r="L21" s="64"/>
      <c r="M21" s="64"/>
      <c r="N21" s="64"/>
      <c r="O21" s="64"/>
      <c r="P21" s="64"/>
    </row>
    <row r="22" spans="1:62" s="39" customFormat="1" ht="33" customHeight="1" x14ac:dyDescent="0.25">
      <c r="A22" s="128" t="s">
        <v>24</v>
      </c>
      <c r="B22" s="128" t="s">
        <v>39</v>
      </c>
      <c r="C22" s="128" t="s">
        <v>40</v>
      </c>
      <c r="D22" s="128" t="s">
        <v>30</v>
      </c>
      <c r="E22" s="128" t="s">
        <v>32</v>
      </c>
      <c r="F22" s="128" t="s">
        <v>41</v>
      </c>
      <c r="G22" s="128" t="s">
        <v>42</v>
      </c>
      <c r="H22" s="130" t="s">
        <v>45</v>
      </c>
      <c r="I22" s="131"/>
      <c r="J22" s="131"/>
      <c r="K22" s="132" t="s">
        <v>53</v>
      </c>
      <c r="L22" s="134"/>
      <c r="M22" s="134"/>
      <c r="N22" s="47"/>
      <c r="O22" s="47"/>
      <c r="P22" s="47"/>
    </row>
    <row r="23" spans="1:62" s="39" customFormat="1" ht="22.5" customHeight="1" x14ac:dyDescent="0.25">
      <c r="A23" s="129"/>
      <c r="B23" s="129"/>
      <c r="C23" s="129"/>
      <c r="D23" s="129"/>
      <c r="E23" s="129"/>
      <c r="F23" s="129"/>
      <c r="G23" s="129"/>
      <c r="H23" s="48" t="s">
        <v>26</v>
      </c>
      <c r="I23" s="49" t="s">
        <v>27</v>
      </c>
      <c r="J23" s="92" t="s">
        <v>28</v>
      </c>
      <c r="K23" s="133"/>
      <c r="L23" s="96"/>
      <c r="M23" s="96"/>
      <c r="N23" s="47"/>
      <c r="O23" s="47"/>
      <c r="P23" s="47"/>
    </row>
    <row r="24" spans="1:62" s="111" customFormat="1" ht="14.1" customHeight="1" x14ac:dyDescent="0.25">
      <c r="A24" s="102" t="s">
        <v>0</v>
      </c>
      <c r="B24" s="103" t="s">
        <v>12</v>
      </c>
      <c r="C24" s="103" t="s">
        <v>13</v>
      </c>
      <c r="D24" s="103" t="s">
        <v>14</v>
      </c>
      <c r="E24" s="112" t="s">
        <v>15</v>
      </c>
      <c r="F24" s="104" t="s">
        <v>16</v>
      </c>
      <c r="G24" s="99" t="s">
        <v>17</v>
      </c>
      <c r="H24" s="105" t="s">
        <v>18</v>
      </c>
      <c r="I24" s="106" t="s">
        <v>19</v>
      </c>
      <c r="J24" s="107" t="s">
        <v>35</v>
      </c>
      <c r="K24" s="108" t="s">
        <v>36</v>
      </c>
      <c r="L24" s="117"/>
      <c r="M24" s="117"/>
      <c r="N24" s="109"/>
      <c r="O24" s="109"/>
      <c r="P24" s="109"/>
      <c r="Q24" s="110"/>
      <c r="R24" s="110"/>
      <c r="S24" s="110"/>
      <c r="T24" s="110"/>
      <c r="U24" s="110"/>
      <c r="V24" s="110"/>
      <c r="W24" s="110"/>
      <c r="X24" s="110"/>
      <c r="Y24" s="110"/>
      <c r="Z24" s="110"/>
      <c r="AA24" s="110"/>
      <c r="AB24" s="110"/>
      <c r="AC24" s="110"/>
      <c r="AD24" s="110"/>
      <c r="AE24" s="110"/>
      <c r="AF24" s="110"/>
      <c r="AG24" s="110"/>
      <c r="AH24" s="110"/>
      <c r="AI24" s="110"/>
      <c r="AJ24" s="110"/>
      <c r="AK24" s="110"/>
      <c r="AL24" s="110"/>
      <c r="AM24" s="110"/>
      <c r="AN24" s="110"/>
      <c r="AO24" s="110"/>
      <c r="AP24" s="110"/>
      <c r="AQ24" s="110"/>
      <c r="AR24" s="110"/>
      <c r="AS24" s="110"/>
      <c r="AT24" s="110"/>
      <c r="AU24" s="110"/>
      <c r="AV24" s="110"/>
      <c r="AW24" s="110"/>
      <c r="AX24" s="110"/>
      <c r="AY24" s="110"/>
      <c r="AZ24" s="110"/>
      <c r="BA24" s="110"/>
      <c r="BB24" s="110"/>
      <c r="BC24" s="110"/>
      <c r="BD24" s="110"/>
      <c r="BE24" s="110"/>
      <c r="BF24" s="110"/>
      <c r="BG24" s="110"/>
      <c r="BH24" s="110"/>
      <c r="BI24" s="110"/>
      <c r="BJ24" s="110"/>
    </row>
    <row r="25" spans="1:62" s="40" customFormat="1" ht="33" customHeight="1" x14ac:dyDescent="0.25">
      <c r="A25" s="86" t="s">
        <v>0</v>
      </c>
      <c r="B25" s="65"/>
      <c r="C25" s="66"/>
      <c r="D25" s="84"/>
      <c r="E25" s="84"/>
      <c r="F25" s="84"/>
      <c r="G25" s="84"/>
      <c r="H25" s="67"/>
      <c r="I25" s="68"/>
      <c r="J25" s="93"/>
      <c r="K25" s="135" t="s">
        <v>69</v>
      </c>
      <c r="L25" s="97"/>
      <c r="M25" s="97"/>
      <c r="N25" s="50"/>
      <c r="O25" s="50"/>
      <c r="P25" s="50"/>
    </row>
    <row r="26" spans="1:62" s="40" customFormat="1" ht="33" customHeight="1" x14ac:dyDescent="0.25">
      <c r="A26" s="85" t="s">
        <v>12</v>
      </c>
      <c r="B26" s="69"/>
      <c r="C26" s="70"/>
      <c r="D26" s="85"/>
      <c r="E26" s="85"/>
      <c r="F26" s="85"/>
      <c r="G26" s="86"/>
      <c r="H26" s="71"/>
      <c r="I26" s="72"/>
      <c r="J26" s="94"/>
      <c r="K26" s="136"/>
      <c r="L26" s="97"/>
      <c r="M26" s="97"/>
      <c r="N26" s="50"/>
      <c r="O26" s="50"/>
      <c r="P26" s="50"/>
    </row>
    <row r="27" spans="1:62" s="40" customFormat="1" ht="33" customHeight="1" x14ac:dyDescent="0.25">
      <c r="A27" s="87" t="s">
        <v>13</v>
      </c>
      <c r="B27" s="88"/>
      <c r="C27" s="89"/>
      <c r="D27" s="87"/>
      <c r="E27" s="87"/>
      <c r="F27" s="87"/>
      <c r="G27" s="87"/>
      <c r="H27" s="90"/>
      <c r="I27" s="91"/>
      <c r="J27" s="95"/>
      <c r="K27" s="137"/>
      <c r="L27" s="97"/>
      <c r="M27" s="97"/>
      <c r="N27" s="50"/>
      <c r="O27" s="50"/>
      <c r="P27" s="50"/>
    </row>
    <row r="28" spans="1:62" s="45" customFormat="1" ht="33" customHeight="1" x14ac:dyDescent="0.25">
      <c r="A28" s="60"/>
      <c r="B28" s="61"/>
      <c r="C28" s="61"/>
      <c r="D28" s="61"/>
      <c r="E28" s="62"/>
      <c r="F28" s="62"/>
      <c r="G28" s="62"/>
      <c r="H28" s="62"/>
      <c r="I28" s="61"/>
      <c r="J28" s="61"/>
      <c r="K28" s="61"/>
      <c r="L28" s="127"/>
      <c r="M28" s="127"/>
      <c r="O28" s="63"/>
      <c r="P28" s="63"/>
    </row>
    <row r="29" spans="1:62" s="46" customFormat="1" ht="29.25" customHeight="1" x14ac:dyDescent="0.25">
      <c r="A29" s="139" t="s">
        <v>259</v>
      </c>
      <c r="B29" s="139"/>
      <c r="C29" s="139"/>
      <c r="D29" s="139"/>
      <c r="E29" s="139"/>
      <c r="F29" s="139"/>
      <c r="G29" s="139"/>
      <c r="H29" s="139"/>
      <c r="I29" s="139"/>
      <c r="J29" s="139"/>
      <c r="K29" s="139"/>
      <c r="L29" s="64"/>
      <c r="M29" s="64"/>
      <c r="N29" s="64"/>
      <c r="O29" s="64"/>
      <c r="P29" s="64"/>
    </row>
    <row r="30" spans="1:62" s="39" customFormat="1" ht="33" customHeight="1" x14ac:dyDescent="0.25">
      <c r="A30" s="128" t="s">
        <v>24</v>
      </c>
      <c r="B30" s="128" t="s">
        <v>39</v>
      </c>
      <c r="C30" s="128" t="s">
        <v>40</v>
      </c>
      <c r="D30" s="128" t="s">
        <v>30</v>
      </c>
      <c r="E30" s="128" t="s">
        <v>32</v>
      </c>
      <c r="F30" s="128" t="s">
        <v>41</v>
      </c>
      <c r="G30" s="128" t="s">
        <v>42</v>
      </c>
      <c r="H30" s="130" t="s">
        <v>45</v>
      </c>
      <c r="I30" s="131"/>
      <c r="J30" s="131"/>
      <c r="K30" s="132" t="s">
        <v>53</v>
      </c>
      <c r="L30" s="134"/>
      <c r="M30" s="134"/>
      <c r="N30" s="47"/>
      <c r="O30" s="47"/>
      <c r="P30" s="47"/>
    </row>
    <row r="31" spans="1:62" s="39" customFormat="1" ht="22.5" customHeight="1" x14ac:dyDescent="0.25">
      <c r="A31" s="129"/>
      <c r="B31" s="129"/>
      <c r="C31" s="129"/>
      <c r="D31" s="129"/>
      <c r="E31" s="129"/>
      <c r="F31" s="129"/>
      <c r="G31" s="129"/>
      <c r="H31" s="48" t="s">
        <v>26</v>
      </c>
      <c r="I31" s="49" t="s">
        <v>27</v>
      </c>
      <c r="J31" s="92" t="s">
        <v>28</v>
      </c>
      <c r="K31" s="133"/>
      <c r="L31" s="96"/>
      <c r="M31" s="96"/>
      <c r="N31" s="47"/>
      <c r="O31" s="47"/>
      <c r="P31" s="47"/>
    </row>
    <row r="32" spans="1:62" s="111" customFormat="1" ht="14.1" customHeight="1" x14ac:dyDescent="0.25">
      <c r="A32" s="102" t="s">
        <v>0</v>
      </c>
      <c r="B32" s="103" t="s">
        <v>12</v>
      </c>
      <c r="C32" s="103" t="s">
        <v>13</v>
      </c>
      <c r="D32" s="103" t="s">
        <v>14</v>
      </c>
      <c r="E32" s="112" t="s">
        <v>15</v>
      </c>
      <c r="F32" s="104" t="s">
        <v>16</v>
      </c>
      <c r="G32" s="99" t="s">
        <v>17</v>
      </c>
      <c r="H32" s="105" t="s">
        <v>18</v>
      </c>
      <c r="I32" s="106" t="s">
        <v>19</v>
      </c>
      <c r="J32" s="107" t="s">
        <v>35</v>
      </c>
      <c r="K32" s="108" t="s">
        <v>36</v>
      </c>
      <c r="L32" s="117"/>
      <c r="M32" s="117"/>
      <c r="N32" s="109"/>
      <c r="O32" s="109"/>
      <c r="P32" s="109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/>
      <c r="BH32" s="110"/>
      <c r="BI32" s="110"/>
      <c r="BJ32" s="110"/>
    </row>
    <row r="33" spans="1:16" s="40" customFormat="1" ht="33" customHeight="1" x14ac:dyDescent="0.25">
      <c r="A33" s="86" t="s">
        <v>0</v>
      </c>
      <c r="B33" s="65"/>
      <c r="C33" s="66"/>
      <c r="D33" s="84"/>
      <c r="E33" s="84"/>
      <c r="F33" s="84"/>
      <c r="G33" s="84"/>
      <c r="H33" s="67"/>
      <c r="I33" s="68"/>
      <c r="J33" s="93"/>
      <c r="K33" s="135" t="s">
        <v>69</v>
      </c>
      <c r="L33" s="97"/>
      <c r="M33" s="97"/>
      <c r="N33" s="50"/>
      <c r="O33" s="50"/>
      <c r="P33" s="50"/>
    </row>
    <row r="34" spans="1:16" s="40" customFormat="1" ht="33" customHeight="1" x14ac:dyDescent="0.25">
      <c r="A34" s="85" t="s">
        <v>12</v>
      </c>
      <c r="B34" s="69"/>
      <c r="C34" s="70"/>
      <c r="D34" s="85"/>
      <c r="E34" s="85"/>
      <c r="F34" s="85"/>
      <c r="G34" s="86"/>
      <c r="H34" s="71"/>
      <c r="I34" s="72"/>
      <c r="J34" s="94"/>
      <c r="K34" s="136"/>
      <c r="L34" s="97"/>
      <c r="M34" s="97"/>
      <c r="N34" s="50"/>
      <c r="O34" s="50"/>
      <c r="P34" s="50"/>
    </row>
    <row r="35" spans="1:16" s="40" customFormat="1" ht="33" customHeight="1" x14ac:dyDescent="0.25">
      <c r="A35" s="87" t="s">
        <v>13</v>
      </c>
      <c r="B35" s="88"/>
      <c r="C35" s="89"/>
      <c r="D35" s="87"/>
      <c r="E35" s="87"/>
      <c r="F35" s="87"/>
      <c r="G35" s="87"/>
      <c r="H35" s="90"/>
      <c r="I35" s="91"/>
      <c r="J35" s="95"/>
      <c r="K35" s="137"/>
      <c r="L35" s="97"/>
      <c r="M35" s="97"/>
      <c r="N35" s="50"/>
      <c r="O35" s="50"/>
      <c r="P35" s="50"/>
    </row>
    <row r="36" spans="1:16" s="13" customFormat="1" ht="15.75" customHeight="1" x14ac:dyDescent="0.2">
      <c r="A36" s="23"/>
      <c r="B36" s="23"/>
      <c r="C36" s="10"/>
      <c r="D36" s="41"/>
      <c r="F36" s="14"/>
      <c r="G36" s="14"/>
      <c r="H36" s="14"/>
      <c r="I36" s="14"/>
      <c r="J36" s="26"/>
      <c r="K36" s="26"/>
      <c r="L36" s="26"/>
      <c r="M36" s="26"/>
    </row>
    <row r="37" spans="1:16" s="18" customFormat="1" ht="20.100000000000001" customHeight="1" x14ac:dyDescent="0.2">
      <c r="A37" s="42" t="s">
        <v>3</v>
      </c>
      <c r="B37" s="42"/>
      <c r="C37" s="141"/>
      <c r="D37" s="141"/>
      <c r="E37" s="25"/>
      <c r="F37" s="17"/>
      <c r="G37" s="17"/>
      <c r="H37" s="17"/>
      <c r="I37" s="17"/>
      <c r="J37" s="17"/>
      <c r="K37" s="26"/>
      <c r="L37" s="26"/>
    </row>
    <row r="38" spans="1:16" s="18" customFormat="1" ht="20.100000000000001" customHeight="1" x14ac:dyDescent="0.2">
      <c r="A38" s="42" t="s">
        <v>4</v>
      </c>
      <c r="B38" s="42"/>
      <c r="C38" s="140"/>
      <c r="D38" s="140"/>
      <c r="E38" s="20"/>
      <c r="F38" s="17"/>
      <c r="G38" s="17"/>
      <c r="H38" s="17"/>
      <c r="I38" s="17"/>
      <c r="J38" s="17"/>
      <c r="K38" s="21"/>
      <c r="L38" s="22"/>
    </row>
    <row r="39" spans="1:16" s="18" customFormat="1" ht="20.100000000000001" customHeight="1" x14ac:dyDescent="0.2">
      <c r="A39" s="42" t="s">
        <v>5</v>
      </c>
      <c r="B39" s="42"/>
      <c r="C39" s="140"/>
      <c r="D39" s="140"/>
      <c r="E39" s="20"/>
      <c r="F39" s="17"/>
      <c r="G39" s="17"/>
      <c r="H39" s="17"/>
      <c r="I39" s="17"/>
      <c r="J39" s="17"/>
      <c r="K39" s="21"/>
      <c r="L39" s="22"/>
    </row>
    <row r="40" spans="1:16" s="18" customFormat="1" ht="20.100000000000001" customHeight="1" x14ac:dyDescent="0.25">
      <c r="A40" s="42"/>
      <c r="B40" s="42"/>
      <c r="C40" s="42"/>
      <c r="D40" s="19"/>
      <c r="E40" s="20"/>
      <c r="F40" s="17"/>
      <c r="G40" s="17"/>
      <c r="H40" s="17"/>
      <c r="I40" s="17"/>
      <c r="J40" s="17"/>
      <c r="K40" s="21"/>
      <c r="L40" s="22"/>
    </row>
    <row r="41" spans="1:16" s="18" customFormat="1" ht="20.100000000000001" customHeight="1" x14ac:dyDescent="0.2">
      <c r="A41" s="42" t="s">
        <v>6</v>
      </c>
      <c r="B41" s="42"/>
      <c r="C41" s="141"/>
      <c r="D41" s="141"/>
      <c r="E41" s="20"/>
      <c r="F41" s="17"/>
      <c r="G41" s="17"/>
      <c r="H41" s="17"/>
      <c r="I41" s="17"/>
      <c r="J41" s="17"/>
      <c r="K41" s="21"/>
      <c r="L41" s="22"/>
    </row>
    <row r="42" spans="1:16" s="18" customFormat="1" ht="20.100000000000001" customHeight="1" x14ac:dyDescent="0.2">
      <c r="A42" s="42" t="s">
        <v>7</v>
      </c>
      <c r="B42" s="42"/>
      <c r="C42" s="140"/>
      <c r="D42" s="140"/>
      <c r="E42" s="20"/>
      <c r="F42" s="17"/>
      <c r="G42" s="27" t="s">
        <v>20</v>
      </c>
      <c r="H42" s="151"/>
      <c r="I42" s="151"/>
      <c r="J42" s="17"/>
      <c r="K42" s="21"/>
      <c r="L42" s="22"/>
    </row>
    <row r="43" spans="1:16" s="18" customFormat="1" ht="20.100000000000001" customHeight="1" x14ac:dyDescent="0.2">
      <c r="A43" s="42" t="s">
        <v>8</v>
      </c>
      <c r="B43" s="42"/>
      <c r="C43" s="140"/>
      <c r="D43" s="140"/>
      <c r="E43" s="20"/>
      <c r="F43" s="17"/>
      <c r="G43" s="28"/>
      <c r="H43" s="29"/>
      <c r="I43" s="29"/>
    </row>
    <row r="44" spans="1:16" s="18" customFormat="1" ht="20.100000000000001" customHeight="1" x14ac:dyDescent="0.25">
      <c r="A44" s="19"/>
      <c r="B44" s="19"/>
      <c r="C44" s="19"/>
      <c r="D44" s="20"/>
      <c r="E44" s="20"/>
      <c r="F44" s="17"/>
      <c r="G44" s="30" t="s">
        <v>21</v>
      </c>
      <c r="H44" s="152"/>
      <c r="I44" s="152"/>
    </row>
    <row r="45" spans="1:16" s="18" customFormat="1" ht="20.100000000000001" customHeight="1" x14ac:dyDescent="0.25">
      <c r="A45" s="19"/>
      <c r="B45" s="19"/>
      <c r="C45" s="19"/>
      <c r="D45" s="20"/>
      <c r="E45" s="20"/>
      <c r="F45" s="17"/>
      <c r="G45" s="30" t="s">
        <v>22</v>
      </c>
      <c r="H45" s="150"/>
      <c r="I45" s="150"/>
    </row>
    <row r="46" spans="1:16" s="13" customFormat="1" ht="20.100000000000001" customHeight="1" x14ac:dyDescent="0.2">
      <c r="A46" s="10" t="s">
        <v>2</v>
      </c>
      <c r="B46" s="140"/>
      <c r="C46" s="140"/>
      <c r="D46" s="11"/>
      <c r="E46" s="11"/>
      <c r="F46" s="14"/>
      <c r="G46" s="31" t="s">
        <v>23</v>
      </c>
      <c r="H46" s="28"/>
      <c r="I46" s="32"/>
      <c r="M46" s="10"/>
    </row>
    <row r="47" spans="1:16" s="13" customFormat="1" ht="20.100000000000001" customHeight="1" x14ac:dyDescent="0.2">
      <c r="A47" s="10" t="s">
        <v>1</v>
      </c>
      <c r="B47" s="149"/>
      <c r="C47" s="149"/>
      <c r="D47" s="11"/>
      <c r="E47" s="11"/>
      <c r="F47" s="14"/>
      <c r="G47" s="14"/>
      <c r="H47" s="14"/>
      <c r="I47" s="14"/>
      <c r="M47" s="10"/>
    </row>
    <row r="48" spans="1:16" s="13" customFormat="1" x14ac:dyDescent="0.2">
      <c r="A48" s="10"/>
      <c r="B48" s="10"/>
      <c r="C48" s="10"/>
      <c r="D48" s="11"/>
      <c r="E48" s="11"/>
      <c r="F48" s="14"/>
      <c r="G48" s="14"/>
      <c r="H48" s="14"/>
      <c r="I48" s="14"/>
      <c r="J48" s="14"/>
      <c r="K48" s="12"/>
      <c r="L48" s="10"/>
      <c r="M48" s="10"/>
    </row>
    <row r="49" spans="1:13" s="13" customFormat="1" ht="15" customHeight="1" x14ac:dyDescent="0.2">
      <c r="A49" s="10"/>
      <c r="B49" s="10"/>
      <c r="D49" s="11"/>
      <c r="E49" s="11"/>
      <c r="F49" s="14"/>
      <c r="G49" s="14"/>
      <c r="H49" s="14"/>
      <c r="I49" s="14"/>
      <c r="J49" s="14"/>
      <c r="K49" s="12"/>
      <c r="L49" s="10"/>
      <c r="M49" s="10"/>
    </row>
    <row r="50" spans="1:13" s="2" customFormat="1" x14ac:dyDescent="0.2">
      <c r="A50" s="148" t="s">
        <v>10</v>
      </c>
      <c r="B50" s="148"/>
      <c r="D50" s="3"/>
      <c r="E50" s="3"/>
      <c r="F50" s="4"/>
      <c r="G50" s="4"/>
      <c r="H50" s="4"/>
      <c r="I50" s="4"/>
      <c r="J50" s="4"/>
      <c r="K50" s="15"/>
    </row>
    <row r="51" spans="1:13" ht="14.25" x14ac:dyDescent="0.2">
      <c r="A51" s="33"/>
      <c r="B51" s="34" t="s">
        <v>11</v>
      </c>
    </row>
    <row r="52" spans="1:13" ht="6.75" customHeight="1" x14ac:dyDescent="0.2">
      <c r="A52" s="35"/>
      <c r="B52" s="36"/>
    </row>
  </sheetData>
  <mergeCells count="60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3:K13"/>
    <mergeCell ref="A14:A15"/>
    <mergeCell ref="B14:B15"/>
    <mergeCell ref="C14:C15"/>
    <mergeCell ref="D14:D15"/>
    <mergeCell ref="E14:E15"/>
    <mergeCell ref="F14:F15"/>
    <mergeCell ref="G14:G15"/>
    <mergeCell ref="K25:K27"/>
    <mergeCell ref="H14:J14"/>
    <mergeCell ref="K14:K15"/>
    <mergeCell ref="L14:M14"/>
    <mergeCell ref="K17:K19"/>
    <mergeCell ref="A21:K21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L22:M22"/>
    <mergeCell ref="C41:D41"/>
    <mergeCell ref="A29:K29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L30:M30"/>
    <mergeCell ref="K33:K35"/>
    <mergeCell ref="C37:D37"/>
    <mergeCell ref="C38:D38"/>
    <mergeCell ref="C39:D39"/>
    <mergeCell ref="B47:C47"/>
    <mergeCell ref="A50:B50"/>
    <mergeCell ref="C42:D42"/>
    <mergeCell ref="H42:I42"/>
    <mergeCell ref="C43:D43"/>
    <mergeCell ref="H44:I44"/>
    <mergeCell ref="H45:I45"/>
    <mergeCell ref="B46:C46"/>
  </mergeCells>
  <conditionalFormatting sqref="B46:C46">
    <cfRule type="containsBlanks" dxfId="143" priority="6">
      <formula>LEN(TRIM(B46))=0</formula>
    </cfRule>
  </conditionalFormatting>
  <conditionalFormatting sqref="B47:C47">
    <cfRule type="containsBlanks" dxfId="142" priority="5">
      <formula>LEN(TRIM(B47))=0</formula>
    </cfRule>
  </conditionalFormatting>
  <conditionalFormatting sqref="H44:I44">
    <cfRule type="containsBlanks" dxfId="141" priority="4">
      <formula>LEN(TRIM(H44))=0</formula>
    </cfRule>
  </conditionalFormatting>
  <conditionalFormatting sqref="H45:I45">
    <cfRule type="containsBlanks" dxfId="140" priority="3">
      <formula>LEN(TRIM(H45))=0</formula>
    </cfRule>
  </conditionalFormatting>
  <conditionalFormatting sqref="C37:D39">
    <cfRule type="containsBlanks" dxfId="139" priority="2">
      <formula>LEN(TRIM(C37))=0</formula>
    </cfRule>
  </conditionalFormatting>
  <conditionalFormatting sqref="C41:D43">
    <cfRule type="containsBlanks" dxfId="138" priority="1">
      <formula>LEN(TRIM(C41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20" max="12" man="1"/>
  </rowBreaks>
  <colBreaks count="1" manualBreakCount="1">
    <brk id="13" max="28" man="1"/>
  </colBreaks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260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61</v>
      </c>
      <c r="C9" s="114" t="s">
        <v>46</v>
      </c>
      <c r="D9" s="119">
        <v>26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262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263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137" priority="6">
      <formula>LEN(TRIM(B28))=0</formula>
    </cfRule>
  </conditionalFormatting>
  <conditionalFormatting sqref="B29:C29">
    <cfRule type="containsBlanks" dxfId="136" priority="5">
      <formula>LEN(TRIM(B29))=0</formula>
    </cfRule>
  </conditionalFormatting>
  <conditionalFormatting sqref="H26:I26">
    <cfRule type="containsBlanks" dxfId="135" priority="4">
      <formula>LEN(TRIM(H26))=0</formula>
    </cfRule>
  </conditionalFormatting>
  <conditionalFormatting sqref="H27:I27">
    <cfRule type="containsBlanks" dxfId="134" priority="3">
      <formula>LEN(TRIM(H27))=0</formula>
    </cfRule>
  </conditionalFormatting>
  <conditionalFormatting sqref="C19:D21">
    <cfRule type="containsBlanks" dxfId="133" priority="2">
      <formula>LEN(TRIM(C19))=0</formula>
    </cfRule>
  </conditionalFormatting>
  <conditionalFormatting sqref="C23:D25">
    <cfRule type="containsBlanks" dxfId="13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81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83</v>
      </c>
      <c r="C9" s="114" t="s">
        <v>46</v>
      </c>
      <c r="D9" s="119">
        <v>2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84</v>
      </c>
      <c r="C10" s="114" t="s">
        <v>46</v>
      </c>
      <c r="D10" s="119">
        <v>5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85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80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86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87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41"/>
      <c r="D29" s="141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40"/>
      <c r="D30" s="14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40"/>
      <c r="D31" s="14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41"/>
      <c r="D33" s="141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40"/>
      <c r="D34" s="140"/>
      <c r="E34" s="20"/>
      <c r="F34" s="17"/>
      <c r="G34" s="27" t="s">
        <v>20</v>
      </c>
      <c r="H34" s="151"/>
      <c r="I34" s="151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40"/>
      <c r="D35" s="14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52"/>
      <c r="I36" s="152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50"/>
      <c r="I37" s="150"/>
    </row>
    <row r="38" spans="1:13" s="13" customFormat="1" ht="20.100000000000001" customHeight="1" x14ac:dyDescent="0.2">
      <c r="A38" s="10" t="s">
        <v>2</v>
      </c>
      <c r="B38" s="140"/>
      <c r="C38" s="14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49"/>
      <c r="C39" s="149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48" t="s">
        <v>10</v>
      </c>
      <c r="B42" s="148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H36:I36"/>
    <mergeCell ref="H37:I37"/>
    <mergeCell ref="B38:C38"/>
    <mergeCell ref="B39:C39"/>
    <mergeCell ref="A42:B42"/>
  </mergeCells>
  <conditionalFormatting sqref="B38:C38">
    <cfRule type="containsBlanks" dxfId="347" priority="6">
      <formula>LEN(TRIM(B38))=0</formula>
    </cfRule>
  </conditionalFormatting>
  <conditionalFormatting sqref="B39:C39">
    <cfRule type="containsBlanks" dxfId="346" priority="5">
      <formula>LEN(TRIM(B39))=0</formula>
    </cfRule>
  </conditionalFormatting>
  <conditionalFormatting sqref="H36:I36">
    <cfRule type="containsBlanks" dxfId="345" priority="4">
      <formula>LEN(TRIM(H36))=0</formula>
    </cfRule>
  </conditionalFormatting>
  <conditionalFormatting sqref="H37:I37">
    <cfRule type="containsBlanks" dxfId="344" priority="3">
      <formula>LEN(TRIM(H37))=0</formula>
    </cfRule>
  </conditionalFormatting>
  <conditionalFormatting sqref="C29:D31">
    <cfRule type="containsBlanks" dxfId="343" priority="2">
      <formula>LEN(TRIM(C29))=0</formula>
    </cfRule>
  </conditionalFormatting>
  <conditionalFormatting sqref="C33:D35">
    <cfRule type="containsBlanks" dxfId="342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264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65</v>
      </c>
      <c r="C9" s="114" t="s">
        <v>46</v>
      </c>
      <c r="D9" s="119">
        <v>1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266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131" priority="6">
      <formula>LEN(TRIM(B28))=0</formula>
    </cfRule>
  </conditionalFormatting>
  <conditionalFormatting sqref="B29:C29">
    <cfRule type="containsBlanks" dxfId="130" priority="5">
      <formula>LEN(TRIM(B29))=0</formula>
    </cfRule>
  </conditionalFormatting>
  <conditionalFormatting sqref="H26:I26">
    <cfRule type="containsBlanks" dxfId="129" priority="4">
      <formula>LEN(TRIM(H26))=0</formula>
    </cfRule>
  </conditionalFormatting>
  <conditionalFormatting sqref="H27:I27">
    <cfRule type="containsBlanks" dxfId="128" priority="3">
      <formula>LEN(TRIM(H27))=0</formula>
    </cfRule>
  </conditionalFormatting>
  <conditionalFormatting sqref="C19:D21">
    <cfRule type="containsBlanks" dxfId="127" priority="2">
      <formula>LEN(TRIM(C19))=0</formula>
    </cfRule>
  </conditionalFormatting>
  <conditionalFormatting sqref="C23:D25">
    <cfRule type="containsBlanks" dxfId="12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A3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267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68</v>
      </c>
      <c r="C9" s="114" t="s">
        <v>46</v>
      </c>
      <c r="D9" s="119">
        <v>28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269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270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125" priority="6">
      <formula>LEN(TRIM(B28))=0</formula>
    </cfRule>
  </conditionalFormatting>
  <conditionalFormatting sqref="B29:C29">
    <cfRule type="containsBlanks" dxfId="124" priority="5">
      <formula>LEN(TRIM(B29))=0</formula>
    </cfRule>
  </conditionalFormatting>
  <conditionalFormatting sqref="H26:I26">
    <cfRule type="containsBlanks" dxfId="123" priority="4">
      <formula>LEN(TRIM(H26))=0</formula>
    </cfRule>
  </conditionalFormatting>
  <conditionalFormatting sqref="H27:I27">
    <cfRule type="containsBlanks" dxfId="122" priority="3">
      <formula>LEN(TRIM(H27))=0</formula>
    </cfRule>
  </conditionalFormatting>
  <conditionalFormatting sqref="C19:D21">
    <cfRule type="containsBlanks" dxfId="121" priority="2">
      <formula>LEN(TRIM(C19))=0</formula>
    </cfRule>
  </conditionalFormatting>
  <conditionalFormatting sqref="C23:D25">
    <cfRule type="containsBlanks" dxfId="12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271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72</v>
      </c>
      <c r="C9" s="114" t="s">
        <v>46</v>
      </c>
      <c r="D9" s="119">
        <v>1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273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33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119" priority="6">
      <formula>LEN(TRIM(B28))=0</formula>
    </cfRule>
  </conditionalFormatting>
  <conditionalFormatting sqref="B29:C29">
    <cfRule type="containsBlanks" dxfId="118" priority="5">
      <formula>LEN(TRIM(B29))=0</formula>
    </cfRule>
  </conditionalFormatting>
  <conditionalFormatting sqref="H26:I26">
    <cfRule type="containsBlanks" dxfId="117" priority="4">
      <formula>LEN(TRIM(H26))=0</formula>
    </cfRule>
  </conditionalFormatting>
  <conditionalFormatting sqref="H27:I27">
    <cfRule type="containsBlanks" dxfId="116" priority="3">
      <formula>LEN(TRIM(H27))=0</formula>
    </cfRule>
  </conditionalFormatting>
  <conditionalFormatting sqref="C19:D21">
    <cfRule type="containsBlanks" dxfId="115" priority="2">
      <formula>LEN(TRIM(C19))=0</formula>
    </cfRule>
  </conditionalFormatting>
  <conditionalFormatting sqref="C23:D25">
    <cfRule type="containsBlanks" dxfId="11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117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47" t="s">
        <v>274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275</v>
      </c>
      <c r="C9" s="114" t="s">
        <v>46</v>
      </c>
      <c r="D9" s="119">
        <v>1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276</v>
      </c>
      <c r="C10" s="114" t="s">
        <v>46</v>
      </c>
      <c r="D10" s="119">
        <v>48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277</v>
      </c>
      <c r="C11" s="114" t="s">
        <v>46</v>
      </c>
      <c r="D11" s="119">
        <v>12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278</v>
      </c>
      <c r="C12" s="114" t="s">
        <v>46</v>
      </c>
      <c r="D12" s="119">
        <v>24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279</v>
      </c>
      <c r="C13" s="114" t="s">
        <v>46</v>
      </c>
      <c r="D13" s="119">
        <v>24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x14ac:dyDescent="0.25">
      <c r="A14" s="51" t="s">
        <v>16</v>
      </c>
      <c r="B14" s="52" t="s">
        <v>280</v>
      </c>
      <c r="C14" s="114" t="s">
        <v>46</v>
      </c>
      <c r="D14" s="119">
        <v>8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4" customFormat="1" ht="39.75" customHeight="1" x14ac:dyDescent="0.25">
      <c r="A15" s="51" t="s">
        <v>17</v>
      </c>
      <c r="B15" s="52" t="s">
        <v>281</v>
      </c>
      <c r="C15" s="114" t="s">
        <v>46</v>
      </c>
      <c r="D15" s="119">
        <v>4</v>
      </c>
      <c r="E15" s="53"/>
      <c r="F15" s="53"/>
      <c r="G15" s="53"/>
      <c r="H15" s="54"/>
      <c r="I15" s="55"/>
      <c r="J15" s="56"/>
      <c r="K15" s="57"/>
      <c r="L15" s="58"/>
      <c r="M15" s="59"/>
      <c r="O15" s="50"/>
      <c r="P15" s="50"/>
    </row>
    <row r="16" spans="1:22" s="44" customFormat="1" ht="39.75" customHeight="1" x14ac:dyDescent="0.25">
      <c r="A16" s="51" t="s">
        <v>18</v>
      </c>
      <c r="B16" s="52" t="s">
        <v>282</v>
      </c>
      <c r="C16" s="114" t="s">
        <v>46</v>
      </c>
      <c r="D16" s="119">
        <v>12</v>
      </c>
      <c r="E16" s="53"/>
      <c r="F16" s="53"/>
      <c r="G16" s="53"/>
      <c r="H16" s="54"/>
      <c r="I16" s="55"/>
      <c r="J16" s="56"/>
      <c r="K16" s="57"/>
      <c r="L16" s="58"/>
      <c r="M16" s="59"/>
      <c r="O16" s="50"/>
      <c r="P16" s="50"/>
    </row>
    <row r="17" spans="1:62" s="44" customFormat="1" ht="39.75" customHeight="1" x14ac:dyDescent="0.25">
      <c r="A17" s="51" t="s">
        <v>19</v>
      </c>
      <c r="B17" s="52" t="s">
        <v>283</v>
      </c>
      <c r="C17" s="114" t="s">
        <v>46</v>
      </c>
      <c r="D17" s="119">
        <v>320</v>
      </c>
      <c r="E17" s="53"/>
      <c r="F17" s="53"/>
      <c r="G17" s="53"/>
      <c r="H17" s="54"/>
      <c r="I17" s="55"/>
      <c r="J17" s="56"/>
      <c r="K17" s="57"/>
      <c r="L17" s="58"/>
      <c r="M17" s="59"/>
      <c r="O17" s="50"/>
      <c r="P17" s="50"/>
    </row>
    <row r="18" spans="1:62" s="44" customFormat="1" ht="39.75" customHeight="1" thickBot="1" x14ac:dyDescent="0.3">
      <c r="A18" s="51" t="s">
        <v>35</v>
      </c>
      <c r="B18" s="52" t="s">
        <v>284</v>
      </c>
      <c r="C18" s="114" t="s">
        <v>46</v>
      </c>
      <c r="D18" s="119">
        <v>280</v>
      </c>
      <c r="E18" s="53"/>
      <c r="F18" s="53"/>
      <c r="G18" s="53"/>
      <c r="H18" s="54"/>
      <c r="I18" s="55"/>
      <c r="J18" s="56"/>
      <c r="K18" s="57"/>
      <c r="L18" s="58"/>
      <c r="M18" s="59"/>
      <c r="O18" s="50"/>
      <c r="P18" s="50"/>
    </row>
    <row r="19" spans="1:62" s="45" customFormat="1" ht="33" customHeight="1" thickBot="1" x14ac:dyDescent="0.3">
      <c r="A19" s="60"/>
      <c r="B19" s="61"/>
      <c r="C19" s="61"/>
      <c r="D19" s="61"/>
      <c r="E19" s="62"/>
      <c r="F19" s="62"/>
      <c r="G19" s="62"/>
      <c r="H19" s="62"/>
      <c r="I19" s="61"/>
      <c r="J19" s="61"/>
      <c r="K19" s="61"/>
      <c r="L19" s="98">
        <f>SUM(L9:L18)</f>
        <v>0</v>
      </c>
      <c r="M19" s="116">
        <f>SUM(M9:M18)</f>
        <v>0</v>
      </c>
      <c r="O19" s="63"/>
      <c r="P19" s="63"/>
    </row>
    <row r="20" spans="1:62" s="46" customFormat="1" ht="29.25" customHeight="1" x14ac:dyDescent="0.25">
      <c r="A20" s="139" t="s">
        <v>285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195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13" customFormat="1" ht="15.75" customHeight="1" x14ac:dyDescent="0.2">
      <c r="A27" s="23"/>
      <c r="B27" s="23"/>
      <c r="C27" s="10"/>
      <c r="D27" s="41"/>
      <c r="F27" s="14"/>
      <c r="G27" s="14"/>
      <c r="H27" s="14"/>
      <c r="I27" s="14"/>
      <c r="J27" s="26"/>
      <c r="K27" s="26"/>
      <c r="L27" s="26"/>
      <c r="M27" s="26"/>
    </row>
    <row r="28" spans="1:62" s="46" customFormat="1" ht="29.25" customHeight="1" x14ac:dyDescent="0.25">
      <c r="A28" s="139" t="s">
        <v>286</v>
      </c>
      <c r="B28" s="139"/>
      <c r="C28" s="139"/>
      <c r="D28" s="139"/>
      <c r="E28" s="139"/>
      <c r="F28" s="139"/>
      <c r="G28" s="139"/>
      <c r="H28" s="139"/>
      <c r="I28" s="139"/>
      <c r="J28" s="139"/>
      <c r="K28" s="139"/>
      <c r="L28" s="64"/>
      <c r="M28" s="64"/>
      <c r="N28" s="64"/>
      <c r="O28" s="64"/>
      <c r="P28" s="64"/>
    </row>
    <row r="29" spans="1:62" s="39" customFormat="1" ht="33" customHeight="1" x14ac:dyDescent="0.25">
      <c r="A29" s="128" t="s">
        <v>24</v>
      </c>
      <c r="B29" s="128" t="s">
        <v>39</v>
      </c>
      <c r="C29" s="128" t="s">
        <v>40</v>
      </c>
      <c r="D29" s="128" t="s">
        <v>30</v>
      </c>
      <c r="E29" s="128" t="s">
        <v>32</v>
      </c>
      <c r="F29" s="128" t="s">
        <v>41</v>
      </c>
      <c r="G29" s="128" t="s">
        <v>42</v>
      </c>
      <c r="H29" s="130" t="s">
        <v>45</v>
      </c>
      <c r="I29" s="131"/>
      <c r="J29" s="131"/>
      <c r="K29" s="132" t="s">
        <v>53</v>
      </c>
      <c r="L29" s="134"/>
      <c r="M29" s="134"/>
      <c r="N29" s="47"/>
      <c r="O29" s="47"/>
      <c r="P29" s="47"/>
    </row>
    <row r="30" spans="1:62" s="39" customFormat="1" ht="22.5" customHeight="1" x14ac:dyDescent="0.25">
      <c r="A30" s="129"/>
      <c r="B30" s="129"/>
      <c r="C30" s="129"/>
      <c r="D30" s="129"/>
      <c r="E30" s="129"/>
      <c r="F30" s="129"/>
      <c r="G30" s="129"/>
      <c r="H30" s="48" t="s">
        <v>26</v>
      </c>
      <c r="I30" s="49" t="s">
        <v>27</v>
      </c>
      <c r="J30" s="92" t="s">
        <v>28</v>
      </c>
      <c r="K30" s="133"/>
      <c r="L30" s="96"/>
      <c r="M30" s="96"/>
      <c r="N30" s="47"/>
      <c r="O30" s="47"/>
      <c r="P30" s="47"/>
    </row>
    <row r="31" spans="1:62" s="111" customFormat="1" ht="14.1" customHeight="1" x14ac:dyDescent="0.25">
      <c r="A31" s="102" t="s">
        <v>0</v>
      </c>
      <c r="B31" s="103" t="s">
        <v>12</v>
      </c>
      <c r="C31" s="103" t="s">
        <v>13</v>
      </c>
      <c r="D31" s="103" t="s">
        <v>14</v>
      </c>
      <c r="E31" s="112" t="s">
        <v>15</v>
      </c>
      <c r="F31" s="104" t="s">
        <v>16</v>
      </c>
      <c r="G31" s="99" t="s">
        <v>17</v>
      </c>
      <c r="H31" s="105" t="s">
        <v>18</v>
      </c>
      <c r="I31" s="106" t="s">
        <v>19</v>
      </c>
      <c r="J31" s="107" t="s">
        <v>35</v>
      </c>
      <c r="K31" s="108" t="s">
        <v>36</v>
      </c>
      <c r="L31" s="117"/>
      <c r="M31" s="117"/>
      <c r="N31" s="109"/>
      <c r="O31" s="109"/>
      <c r="P31" s="109"/>
      <c r="Q31" s="110"/>
      <c r="R31" s="110"/>
      <c r="S31" s="110"/>
      <c r="T31" s="110"/>
      <c r="U31" s="110"/>
      <c r="V31" s="110"/>
      <c r="W31" s="110"/>
      <c r="X31" s="110"/>
      <c r="Y31" s="110"/>
      <c r="Z31" s="110"/>
      <c r="AA31" s="110"/>
      <c r="AB31" s="110"/>
      <c r="AC31" s="110"/>
      <c r="AD31" s="110"/>
      <c r="AE31" s="110"/>
      <c r="AF31" s="110"/>
      <c r="AG31" s="110"/>
      <c r="AH31" s="110"/>
      <c r="AI31" s="110"/>
      <c r="AJ31" s="110"/>
      <c r="AK31" s="110"/>
      <c r="AL31" s="110"/>
      <c r="AM31" s="110"/>
      <c r="AN31" s="110"/>
      <c r="AO31" s="110"/>
      <c r="AP31" s="110"/>
      <c r="AQ31" s="110"/>
      <c r="AR31" s="110"/>
      <c r="AS31" s="110"/>
      <c r="AT31" s="110"/>
      <c r="AU31" s="110"/>
      <c r="AV31" s="110"/>
      <c r="AW31" s="110"/>
      <c r="AX31" s="110"/>
      <c r="AY31" s="110"/>
      <c r="AZ31" s="110"/>
      <c r="BA31" s="110"/>
      <c r="BB31" s="110"/>
      <c r="BC31" s="110"/>
      <c r="BD31" s="110"/>
      <c r="BE31" s="110"/>
      <c r="BF31" s="110"/>
      <c r="BG31" s="110"/>
      <c r="BH31" s="110"/>
      <c r="BI31" s="110"/>
      <c r="BJ31" s="110"/>
    </row>
    <row r="32" spans="1:62" s="40" customFormat="1" ht="33" customHeight="1" x14ac:dyDescent="0.25">
      <c r="A32" s="86" t="s">
        <v>0</v>
      </c>
      <c r="B32" s="65"/>
      <c r="C32" s="66"/>
      <c r="D32" s="84"/>
      <c r="E32" s="84"/>
      <c r="F32" s="84"/>
      <c r="G32" s="84"/>
      <c r="H32" s="67"/>
      <c r="I32" s="68"/>
      <c r="J32" s="93"/>
      <c r="K32" s="135" t="s">
        <v>236</v>
      </c>
      <c r="L32" s="97"/>
      <c r="M32" s="97"/>
      <c r="N32" s="50"/>
      <c r="O32" s="50"/>
      <c r="P32" s="50"/>
    </row>
    <row r="33" spans="1:62" s="40" customFormat="1" ht="33" customHeight="1" x14ac:dyDescent="0.25">
      <c r="A33" s="85" t="s">
        <v>12</v>
      </c>
      <c r="B33" s="69"/>
      <c r="C33" s="70"/>
      <c r="D33" s="85"/>
      <c r="E33" s="85"/>
      <c r="F33" s="85"/>
      <c r="G33" s="86"/>
      <c r="H33" s="71"/>
      <c r="I33" s="72"/>
      <c r="J33" s="94"/>
      <c r="K33" s="136"/>
      <c r="L33" s="97"/>
      <c r="M33" s="97"/>
      <c r="N33" s="50"/>
      <c r="O33" s="50"/>
      <c r="P33" s="50"/>
    </row>
    <row r="34" spans="1:62" s="40" customFormat="1" ht="33" customHeight="1" x14ac:dyDescent="0.25">
      <c r="A34" s="87" t="s">
        <v>13</v>
      </c>
      <c r="B34" s="88"/>
      <c r="C34" s="89"/>
      <c r="D34" s="87"/>
      <c r="E34" s="87"/>
      <c r="F34" s="87"/>
      <c r="G34" s="87"/>
      <c r="H34" s="90"/>
      <c r="I34" s="91"/>
      <c r="J34" s="95"/>
      <c r="K34" s="137"/>
      <c r="L34" s="97"/>
      <c r="M34" s="97"/>
      <c r="N34" s="50"/>
      <c r="O34" s="50"/>
      <c r="P34" s="50"/>
    </row>
    <row r="35" spans="1:62" s="45" customFormat="1" ht="33" customHeight="1" x14ac:dyDescent="0.25">
      <c r="A35" s="60"/>
      <c r="B35" s="61"/>
      <c r="C35" s="61"/>
      <c r="D35" s="61"/>
      <c r="E35" s="62"/>
      <c r="F35" s="62"/>
      <c r="G35" s="62"/>
      <c r="H35" s="62"/>
      <c r="I35" s="61"/>
      <c r="J35" s="61"/>
      <c r="K35" s="61"/>
      <c r="L35" s="127"/>
      <c r="M35" s="127"/>
      <c r="O35" s="63"/>
      <c r="P35" s="63"/>
    </row>
    <row r="36" spans="1:62" s="46" customFormat="1" ht="29.25" customHeight="1" x14ac:dyDescent="0.25">
      <c r="A36" s="139" t="s">
        <v>287</v>
      </c>
      <c r="B36" s="139"/>
      <c r="C36" s="139"/>
      <c r="D36" s="139"/>
      <c r="E36" s="139"/>
      <c r="F36" s="139"/>
      <c r="G36" s="139"/>
      <c r="H36" s="139"/>
      <c r="I36" s="139"/>
      <c r="J36" s="139"/>
      <c r="K36" s="139"/>
      <c r="L36" s="64"/>
      <c r="M36" s="64"/>
      <c r="N36" s="64"/>
      <c r="O36" s="64"/>
      <c r="P36" s="64"/>
    </row>
    <row r="37" spans="1:62" s="39" customFormat="1" ht="33" customHeight="1" x14ac:dyDescent="0.25">
      <c r="A37" s="128" t="s">
        <v>24</v>
      </c>
      <c r="B37" s="128" t="s">
        <v>39</v>
      </c>
      <c r="C37" s="128" t="s">
        <v>40</v>
      </c>
      <c r="D37" s="128" t="s">
        <v>30</v>
      </c>
      <c r="E37" s="128" t="s">
        <v>32</v>
      </c>
      <c r="F37" s="128" t="s">
        <v>41</v>
      </c>
      <c r="G37" s="128" t="s">
        <v>42</v>
      </c>
      <c r="H37" s="130" t="s">
        <v>45</v>
      </c>
      <c r="I37" s="131"/>
      <c r="J37" s="131"/>
      <c r="K37" s="132" t="s">
        <v>53</v>
      </c>
      <c r="L37" s="134"/>
      <c r="M37" s="134"/>
      <c r="N37" s="47"/>
      <c r="O37" s="47"/>
      <c r="P37" s="47"/>
    </row>
    <row r="38" spans="1:62" s="39" customFormat="1" ht="22.5" customHeight="1" x14ac:dyDescent="0.25">
      <c r="A38" s="129"/>
      <c r="B38" s="129"/>
      <c r="C38" s="129"/>
      <c r="D38" s="129"/>
      <c r="E38" s="129"/>
      <c r="F38" s="129"/>
      <c r="G38" s="129"/>
      <c r="H38" s="48" t="s">
        <v>26</v>
      </c>
      <c r="I38" s="49" t="s">
        <v>27</v>
      </c>
      <c r="J38" s="92" t="s">
        <v>28</v>
      </c>
      <c r="K38" s="133"/>
      <c r="L38" s="96"/>
      <c r="M38" s="96"/>
      <c r="N38" s="47"/>
      <c r="O38" s="47"/>
      <c r="P38" s="47"/>
    </row>
    <row r="39" spans="1:62" s="111" customFormat="1" ht="14.1" customHeight="1" x14ac:dyDescent="0.25">
      <c r="A39" s="102" t="s">
        <v>0</v>
      </c>
      <c r="B39" s="103" t="s">
        <v>12</v>
      </c>
      <c r="C39" s="103" t="s">
        <v>13</v>
      </c>
      <c r="D39" s="103" t="s">
        <v>14</v>
      </c>
      <c r="E39" s="112" t="s">
        <v>15</v>
      </c>
      <c r="F39" s="104" t="s">
        <v>16</v>
      </c>
      <c r="G39" s="99" t="s">
        <v>17</v>
      </c>
      <c r="H39" s="105" t="s">
        <v>18</v>
      </c>
      <c r="I39" s="106" t="s">
        <v>19</v>
      </c>
      <c r="J39" s="107" t="s">
        <v>35</v>
      </c>
      <c r="K39" s="108" t="s">
        <v>36</v>
      </c>
      <c r="L39" s="117"/>
      <c r="M39" s="117"/>
      <c r="N39" s="109"/>
      <c r="O39" s="109"/>
      <c r="P39" s="109"/>
      <c r="Q39" s="110"/>
      <c r="R39" s="110"/>
      <c r="S39" s="110"/>
      <c r="T39" s="110"/>
      <c r="U39" s="110"/>
      <c r="V39" s="110"/>
      <c r="W39" s="110"/>
      <c r="X39" s="110"/>
      <c r="Y39" s="110"/>
      <c r="Z39" s="110"/>
      <c r="AA39" s="110"/>
      <c r="AB39" s="110"/>
      <c r="AC39" s="110"/>
      <c r="AD39" s="110"/>
      <c r="AE39" s="110"/>
      <c r="AF39" s="110"/>
      <c r="AG39" s="110"/>
      <c r="AH39" s="110"/>
      <c r="AI39" s="110"/>
      <c r="AJ39" s="110"/>
      <c r="AK39" s="110"/>
      <c r="AL39" s="110"/>
      <c r="AM39" s="110"/>
      <c r="AN39" s="110"/>
      <c r="AO39" s="110"/>
      <c r="AP39" s="110"/>
      <c r="AQ39" s="110"/>
      <c r="AR39" s="110"/>
      <c r="AS39" s="110"/>
      <c r="AT39" s="110"/>
      <c r="AU39" s="110"/>
      <c r="AV39" s="110"/>
      <c r="AW39" s="110"/>
      <c r="AX39" s="110"/>
      <c r="AY39" s="110"/>
      <c r="AZ39" s="110"/>
      <c r="BA39" s="110"/>
      <c r="BB39" s="110"/>
      <c r="BC39" s="110"/>
      <c r="BD39" s="110"/>
      <c r="BE39" s="110"/>
      <c r="BF39" s="110"/>
      <c r="BG39" s="110"/>
      <c r="BH39" s="110"/>
      <c r="BI39" s="110"/>
      <c r="BJ39" s="110"/>
    </row>
    <row r="40" spans="1:62" s="40" customFormat="1" ht="33" customHeight="1" x14ac:dyDescent="0.25">
      <c r="A40" s="86" t="s">
        <v>0</v>
      </c>
      <c r="B40" s="65"/>
      <c r="C40" s="66"/>
      <c r="D40" s="84"/>
      <c r="E40" s="84"/>
      <c r="F40" s="84"/>
      <c r="G40" s="84"/>
      <c r="H40" s="67"/>
      <c r="I40" s="68"/>
      <c r="J40" s="93"/>
      <c r="K40" s="135" t="s">
        <v>195</v>
      </c>
      <c r="L40" s="97"/>
      <c r="M40" s="97"/>
      <c r="N40" s="50"/>
      <c r="O40" s="50"/>
      <c r="P40" s="50"/>
    </row>
    <row r="41" spans="1:62" s="40" customFormat="1" ht="33" customHeight="1" x14ac:dyDescent="0.25">
      <c r="A41" s="85" t="s">
        <v>12</v>
      </c>
      <c r="B41" s="69"/>
      <c r="C41" s="70"/>
      <c r="D41" s="85"/>
      <c r="E41" s="85"/>
      <c r="F41" s="85"/>
      <c r="G41" s="86"/>
      <c r="H41" s="71"/>
      <c r="I41" s="72"/>
      <c r="J41" s="94"/>
      <c r="K41" s="136"/>
      <c r="L41" s="97"/>
      <c r="M41" s="97"/>
      <c r="N41" s="50"/>
      <c r="O41" s="50"/>
      <c r="P41" s="50"/>
    </row>
    <row r="42" spans="1:62" s="40" customFormat="1" ht="33" customHeight="1" x14ac:dyDescent="0.25">
      <c r="A42" s="87" t="s">
        <v>13</v>
      </c>
      <c r="B42" s="88"/>
      <c r="C42" s="89"/>
      <c r="D42" s="87"/>
      <c r="E42" s="87"/>
      <c r="F42" s="87"/>
      <c r="G42" s="87"/>
      <c r="H42" s="90"/>
      <c r="I42" s="91"/>
      <c r="J42" s="95"/>
      <c r="K42" s="137"/>
      <c r="L42" s="97"/>
      <c r="M42" s="97"/>
      <c r="N42" s="50"/>
      <c r="O42" s="50"/>
      <c r="P42" s="50"/>
    </row>
    <row r="43" spans="1:62" s="13" customFormat="1" ht="15.75" customHeight="1" x14ac:dyDescent="0.2">
      <c r="A43" s="23"/>
      <c r="B43" s="23"/>
      <c r="C43" s="10"/>
      <c r="D43" s="41"/>
      <c r="F43" s="14"/>
      <c r="G43" s="14"/>
      <c r="H43" s="14"/>
      <c r="I43" s="14"/>
      <c r="J43" s="26"/>
      <c r="K43" s="26"/>
      <c r="L43" s="26"/>
      <c r="M43" s="26"/>
    </row>
    <row r="44" spans="1:62" s="46" customFormat="1" ht="29.25" customHeight="1" x14ac:dyDescent="0.25">
      <c r="A44" s="139" t="s">
        <v>288</v>
      </c>
      <c r="B44" s="139"/>
      <c r="C44" s="139"/>
      <c r="D44" s="139"/>
      <c r="E44" s="139"/>
      <c r="F44" s="139"/>
      <c r="G44" s="139"/>
      <c r="H44" s="139"/>
      <c r="I44" s="139"/>
      <c r="J44" s="139"/>
      <c r="K44" s="139"/>
      <c r="L44" s="64"/>
      <c r="M44" s="64"/>
      <c r="N44" s="64"/>
      <c r="O44" s="64"/>
      <c r="P44" s="64"/>
    </row>
    <row r="45" spans="1:62" s="39" customFormat="1" ht="33" customHeight="1" x14ac:dyDescent="0.25">
      <c r="A45" s="128" t="s">
        <v>24</v>
      </c>
      <c r="B45" s="128" t="s">
        <v>39</v>
      </c>
      <c r="C45" s="128" t="s">
        <v>40</v>
      </c>
      <c r="D45" s="128" t="s">
        <v>30</v>
      </c>
      <c r="E45" s="128" t="s">
        <v>32</v>
      </c>
      <c r="F45" s="128" t="s">
        <v>41</v>
      </c>
      <c r="G45" s="128" t="s">
        <v>42</v>
      </c>
      <c r="H45" s="130" t="s">
        <v>45</v>
      </c>
      <c r="I45" s="131"/>
      <c r="J45" s="131"/>
      <c r="K45" s="132" t="s">
        <v>53</v>
      </c>
      <c r="L45" s="134"/>
      <c r="M45" s="134"/>
      <c r="N45" s="47"/>
      <c r="O45" s="47"/>
      <c r="P45" s="47"/>
    </row>
    <row r="46" spans="1:62" s="39" customFormat="1" ht="22.5" customHeight="1" x14ac:dyDescent="0.25">
      <c r="A46" s="129"/>
      <c r="B46" s="129"/>
      <c r="C46" s="129"/>
      <c r="D46" s="129"/>
      <c r="E46" s="129"/>
      <c r="F46" s="129"/>
      <c r="G46" s="129"/>
      <c r="H46" s="48" t="s">
        <v>26</v>
      </c>
      <c r="I46" s="49" t="s">
        <v>27</v>
      </c>
      <c r="J46" s="92" t="s">
        <v>28</v>
      </c>
      <c r="K46" s="133"/>
      <c r="L46" s="96"/>
      <c r="M46" s="96"/>
      <c r="N46" s="47"/>
      <c r="O46" s="47"/>
      <c r="P46" s="47"/>
    </row>
    <row r="47" spans="1:62" s="111" customFormat="1" ht="14.1" customHeight="1" x14ac:dyDescent="0.25">
      <c r="A47" s="102" t="s">
        <v>0</v>
      </c>
      <c r="B47" s="103" t="s">
        <v>12</v>
      </c>
      <c r="C47" s="103" t="s">
        <v>13</v>
      </c>
      <c r="D47" s="103" t="s">
        <v>14</v>
      </c>
      <c r="E47" s="112" t="s">
        <v>15</v>
      </c>
      <c r="F47" s="104" t="s">
        <v>16</v>
      </c>
      <c r="G47" s="99" t="s">
        <v>17</v>
      </c>
      <c r="H47" s="105" t="s">
        <v>18</v>
      </c>
      <c r="I47" s="106" t="s">
        <v>19</v>
      </c>
      <c r="J47" s="107" t="s">
        <v>35</v>
      </c>
      <c r="K47" s="108" t="s">
        <v>36</v>
      </c>
      <c r="L47" s="117"/>
      <c r="M47" s="117"/>
      <c r="N47" s="109"/>
      <c r="O47" s="109"/>
      <c r="P47" s="109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0"/>
      <c r="AN47" s="110"/>
      <c r="AO47" s="110"/>
      <c r="AP47" s="110"/>
      <c r="AQ47" s="110"/>
      <c r="AR47" s="110"/>
      <c r="AS47" s="110"/>
      <c r="AT47" s="110"/>
      <c r="AU47" s="110"/>
      <c r="AV47" s="110"/>
      <c r="AW47" s="110"/>
      <c r="AX47" s="110"/>
      <c r="AY47" s="110"/>
      <c r="AZ47" s="110"/>
      <c r="BA47" s="110"/>
      <c r="BB47" s="110"/>
      <c r="BC47" s="110"/>
      <c r="BD47" s="110"/>
      <c r="BE47" s="110"/>
      <c r="BF47" s="110"/>
      <c r="BG47" s="110"/>
      <c r="BH47" s="110"/>
      <c r="BI47" s="110"/>
      <c r="BJ47" s="110"/>
    </row>
    <row r="48" spans="1:62" s="40" customFormat="1" ht="33" customHeight="1" x14ac:dyDescent="0.25">
      <c r="A48" s="86" t="s">
        <v>0</v>
      </c>
      <c r="B48" s="65"/>
      <c r="C48" s="66"/>
      <c r="D48" s="84"/>
      <c r="E48" s="84"/>
      <c r="F48" s="84"/>
      <c r="G48" s="84"/>
      <c r="H48" s="67"/>
      <c r="I48" s="68"/>
      <c r="J48" s="93"/>
      <c r="K48" s="135" t="s">
        <v>237</v>
      </c>
      <c r="L48" s="97"/>
      <c r="M48" s="97"/>
      <c r="N48" s="50"/>
      <c r="O48" s="50"/>
      <c r="P48" s="50"/>
    </row>
    <row r="49" spans="1:62" s="40" customFormat="1" ht="33" customHeight="1" x14ac:dyDescent="0.25">
      <c r="A49" s="85" t="s">
        <v>12</v>
      </c>
      <c r="B49" s="69"/>
      <c r="C49" s="70"/>
      <c r="D49" s="85"/>
      <c r="E49" s="85"/>
      <c r="F49" s="85"/>
      <c r="G49" s="86"/>
      <c r="H49" s="71"/>
      <c r="I49" s="72"/>
      <c r="J49" s="94"/>
      <c r="K49" s="136"/>
      <c r="L49" s="97"/>
      <c r="M49" s="97"/>
      <c r="N49" s="50"/>
      <c r="O49" s="50"/>
      <c r="P49" s="50"/>
    </row>
    <row r="50" spans="1:62" s="40" customFormat="1" ht="33" customHeight="1" x14ac:dyDescent="0.25">
      <c r="A50" s="87" t="s">
        <v>13</v>
      </c>
      <c r="B50" s="88"/>
      <c r="C50" s="89"/>
      <c r="D50" s="87"/>
      <c r="E50" s="87"/>
      <c r="F50" s="87"/>
      <c r="G50" s="87"/>
      <c r="H50" s="90"/>
      <c r="I50" s="91"/>
      <c r="J50" s="95"/>
      <c r="K50" s="137"/>
      <c r="L50" s="97"/>
      <c r="M50" s="97"/>
      <c r="N50" s="50"/>
      <c r="O50" s="50"/>
      <c r="P50" s="50"/>
    </row>
    <row r="51" spans="1:62" s="45" customFormat="1" ht="33" customHeight="1" x14ac:dyDescent="0.25">
      <c r="A51" s="60"/>
      <c r="B51" s="61"/>
      <c r="C51" s="61"/>
      <c r="D51" s="61"/>
      <c r="E51" s="62"/>
      <c r="F51" s="62"/>
      <c r="G51" s="62"/>
      <c r="H51" s="62"/>
      <c r="I51" s="61"/>
      <c r="J51" s="61"/>
      <c r="K51" s="61"/>
      <c r="L51" s="127"/>
      <c r="M51" s="127"/>
      <c r="O51" s="63"/>
      <c r="P51" s="63"/>
    </row>
    <row r="52" spans="1:62" s="46" customFormat="1" ht="29.25" customHeight="1" x14ac:dyDescent="0.25">
      <c r="A52" s="139" t="s">
        <v>289</v>
      </c>
      <c r="B52" s="139"/>
      <c r="C52" s="139"/>
      <c r="D52" s="139"/>
      <c r="E52" s="139"/>
      <c r="F52" s="139"/>
      <c r="G52" s="139"/>
      <c r="H52" s="139"/>
      <c r="I52" s="139"/>
      <c r="J52" s="139"/>
      <c r="K52" s="139"/>
      <c r="L52" s="64"/>
      <c r="M52" s="64"/>
      <c r="N52" s="64"/>
      <c r="O52" s="64"/>
      <c r="P52" s="64"/>
    </row>
    <row r="53" spans="1:62" s="39" customFormat="1" ht="33" customHeight="1" x14ac:dyDescent="0.25">
      <c r="A53" s="128" t="s">
        <v>24</v>
      </c>
      <c r="B53" s="128" t="s">
        <v>39</v>
      </c>
      <c r="C53" s="128" t="s">
        <v>40</v>
      </c>
      <c r="D53" s="128" t="s">
        <v>30</v>
      </c>
      <c r="E53" s="128" t="s">
        <v>32</v>
      </c>
      <c r="F53" s="128" t="s">
        <v>41</v>
      </c>
      <c r="G53" s="128" t="s">
        <v>42</v>
      </c>
      <c r="H53" s="130" t="s">
        <v>45</v>
      </c>
      <c r="I53" s="131"/>
      <c r="J53" s="131"/>
      <c r="K53" s="132" t="s">
        <v>53</v>
      </c>
      <c r="L53" s="134"/>
      <c r="M53" s="134"/>
      <c r="N53" s="47"/>
      <c r="O53" s="47"/>
      <c r="P53" s="47"/>
    </row>
    <row r="54" spans="1:62" s="39" customFormat="1" ht="22.5" customHeight="1" x14ac:dyDescent="0.25">
      <c r="A54" s="129"/>
      <c r="B54" s="129"/>
      <c r="C54" s="129"/>
      <c r="D54" s="129"/>
      <c r="E54" s="129"/>
      <c r="F54" s="129"/>
      <c r="G54" s="129"/>
      <c r="H54" s="48" t="s">
        <v>26</v>
      </c>
      <c r="I54" s="49" t="s">
        <v>27</v>
      </c>
      <c r="J54" s="92" t="s">
        <v>28</v>
      </c>
      <c r="K54" s="133"/>
      <c r="L54" s="96"/>
      <c r="M54" s="96"/>
      <c r="N54" s="47"/>
      <c r="O54" s="47"/>
      <c r="P54" s="47"/>
    </row>
    <row r="55" spans="1:62" s="111" customFormat="1" ht="14.1" customHeight="1" x14ac:dyDescent="0.25">
      <c r="A55" s="102" t="s">
        <v>0</v>
      </c>
      <c r="B55" s="103" t="s">
        <v>12</v>
      </c>
      <c r="C55" s="103" t="s">
        <v>13</v>
      </c>
      <c r="D55" s="103" t="s">
        <v>14</v>
      </c>
      <c r="E55" s="112" t="s">
        <v>15</v>
      </c>
      <c r="F55" s="104" t="s">
        <v>16</v>
      </c>
      <c r="G55" s="99" t="s">
        <v>17</v>
      </c>
      <c r="H55" s="105" t="s">
        <v>18</v>
      </c>
      <c r="I55" s="106" t="s">
        <v>19</v>
      </c>
      <c r="J55" s="107" t="s">
        <v>35</v>
      </c>
      <c r="K55" s="108" t="s">
        <v>36</v>
      </c>
      <c r="L55" s="117"/>
      <c r="M55" s="117"/>
      <c r="N55" s="109"/>
      <c r="O55" s="109"/>
      <c r="P55" s="109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0"/>
      <c r="AN55" s="110"/>
      <c r="AO55" s="110"/>
      <c r="AP55" s="110"/>
      <c r="AQ55" s="110"/>
      <c r="AR55" s="110"/>
      <c r="AS55" s="110"/>
      <c r="AT55" s="110"/>
      <c r="AU55" s="110"/>
      <c r="AV55" s="110"/>
      <c r="AW55" s="110"/>
      <c r="AX55" s="110"/>
      <c r="AY55" s="110"/>
      <c r="AZ55" s="110"/>
      <c r="BA55" s="110"/>
      <c r="BB55" s="110"/>
      <c r="BC55" s="110"/>
      <c r="BD55" s="110"/>
      <c r="BE55" s="110"/>
      <c r="BF55" s="110"/>
      <c r="BG55" s="110"/>
      <c r="BH55" s="110"/>
      <c r="BI55" s="110"/>
      <c r="BJ55" s="110"/>
    </row>
    <row r="56" spans="1:62" s="40" customFormat="1" ht="33" customHeight="1" x14ac:dyDescent="0.25">
      <c r="A56" s="86" t="s">
        <v>0</v>
      </c>
      <c r="B56" s="65"/>
      <c r="C56" s="66"/>
      <c r="D56" s="84"/>
      <c r="E56" s="84"/>
      <c r="F56" s="84"/>
      <c r="G56" s="84"/>
      <c r="H56" s="67"/>
      <c r="I56" s="68"/>
      <c r="J56" s="93"/>
      <c r="K56" s="135" t="s">
        <v>237</v>
      </c>
      <c r="L56" s="97"/>
      <c r="M56" s="97"/>
      <c r="N56" s="50"/>
      <c r="O56" s="50"/>
      <c r="P56" s="50"/>
    </row>
    <row r="57" spans="1:62" s="40" customFormat="1" ht="33" customHeight="1" x14ac:dyDescent="0.25">
      <c r="A57" s="85" t="s">
        <v>12</v>
      </c>
      <c r="B57" s="69"/>
      <c r="C57" s="70"/>
      <c r="D57" s="85"/>
      <c r="E57" s="85"/>
      <c r="F57" s="85"/>
      <c r="G57" s="86"/>
      <c r="H57" s="71"/>
      <c r="I57" s="72"/>
      <c r="J57" s="94"/>
      <c r="K57" s="136"/>
      <c r="L57" s="97"/>
      <c r="M57" s="97"/>
      <c r="N57" s="50"/>
      <c r="O57" s="50"/>
      <c r="P57" s="50"/>
    </row>
    <row r="58" spans="1:62" s="40" customFormat="1" ht="33" customHeight="1" x14ac:dyDescent="0.25">
      <c r="A58" s="87" t="s">
        <v>13</v>
      </c>
      <c r="B58" s="88"/>
      <c r="C58" s="89"/>
      <c r="D58" s="87"/>
      <c r="E58" s="87"/>
      <c r="F58" s="87"/>
      <c r="G58" s="87"/>
      <c r="H58" s="90"/>
      <c r="I58" s="91"/>
      <c r="J58" s="95"/>
      <c r="K58" s="137"/>
      <c r="L58" s="97"/>
      <c r="M58" s="97"/>
      <c r="N58" s="50"/>
      <c r="O58" s="50"/>
      <c r="P58" s="50"/>
    </row>
    <row r="59" spans="1:62" s="45" customFormat="1" ht="33" customHeight="1" x14ac:dyDescent="0.25">
      <c r="A59" s="60"/>
      <c r="B59" s="61"/>
      <c r="C59" s="61"/>
      <c r="D59" s="61"/>
      <c r="E59" s="62"/>
      <c r="F59" s="62"/>
      <c r="G59" s="62"/>
      <c r="H59" s="62"/>
      <c r="I59" s="61"/>
      <c r="J59" s="61"/>
      <c r="K59" s="61"/>
      <c r="L59" s="127"/>
      <c r="M59" s="127"/>
      <c r="O59" s="63"/>
      <c r="P59" s="63"/>
    </row>
    <row r="60" spans="1:62" s="46" customFormat="1" ht="29.25" customHeight="1" x14ac:dyDescent="0.25">
      <c r="A60" s="139" t="s">
        <v>290</v>
      </c>
      <c r="B60" s="139"/>
      <c r="C60" s="139"/>
      <c r="D60" s="139"/>
      <c r="E60" s="139"/>
      <c r="F60" s="139"/>
      <c r="G60" s="139"/>
      <c r="H60" s="139"/>
      <c r="I60" s="139"/>
      <c r="J60" s="139"/>
      <c r="K60" s="139"/>
      <c r="L60" s="64"/>
      <c r="M60" s="64"/>
      <c r="N60" s="64"/>
      <c r="O60" s="64"/>
      <c r="P60" s="64"/>
    </row>
    <row r="61" spans="1:62" s="39" customFormat="1" ht="33" customHeight="1" x14ac:dyDescent="0.25">
      <c r="A61" s="128" t="s">
        <v>24</v>
      </c>
      <c r="B61" s="128" t="s">
        <v>39</v>
      </c>
      <c r="C61" s="128" t="s">
        <v>40</v>
      </c>
      <c r="D61" s="128" t="s">
        <v>30</v>
      </c>
      <c r="E61" s="128" t="s">
        <v>32</v>
      </c>
      <c r="F61" s="128" t="s">
        <v>41</v>
      </c>
      <c r="G61" s="128" t="s">
        <v>42</v>
      </c>
      <c r="H61" s="130" t="s">
        <v>45</v>
      </c>
      <c r="I61" s="131"/>
      <c r="J61" s="131"/>
      <c r="K61" s="132" t="s">
        <v>53</v>
      </c>
      <c r="L61" s="134"/>
      <c r="M61" s="134"/>
      <c r="N61" s="47"/>
      <c r="O61" s="47"/>
      <c r="P61" s="47"/>
    </row>
    <row r="62" spans="1:62" s="39" customFormat="1" ht="22.5" customHeight="1" x14ac:dyDescent="0.25">
      <c r="A62" s="129"/>
      <c r="B62" s="129"/>
      <c r="C62" s="129"/>
      <c r="D62" s="129"/>
      <c r="E62" s="129"/>
      <c r="F62" s="129"/>
      <c r="G62" s="129"/>
      <c r="H62" s="48" t="s">
        <v>26</v>
      </c>
      <c r="I62" s="49" t="s">
        <v>27</v>
      </c>
      <c r="J62" s="92" t="s">
        <v>28</v>
      </c>
      <c r="K62" s="133"/>
      <c r="L62" s="96"/>
      <c r="M62" s="96"/>
      <c r="N62" s="47"/>
      <c r="O62" s="47"/>
      <c r="P62" s="47"/>
    </row>
    <row r="63" spans="1:62" s="111" customFormat="1" ht="14.1" customHeight="1" x14ac:dyDescent="0.25">
      <c r="A63" s="102" t="s">
        <v>0</v>
      </c>
      <c r="B63" s="103" t="s">
        <v>12</v>
      </c>
      <c r="C63" s="103" t="s">
        <v>13</v>
      </c>
      <c r="D63" s="103" t="s">
        <v>14</v>
      </c>
      <c r="E63" s="112" t="s">
        <v>15</v>
      </c>
      <c r="F63" s="104" t="s">
        <v>16</v>
      </c>
      <c r="G63" s="99" t="s">
        <v>17</v>
      </c>
      <c r="H63" s="105" t="s">
        <v>18</v>
      </c>
      <c r="I63" s="106" t="s">
        <v>19</v>
      </c>
      <c r="J63" s="107" t="s">
        <v>35</v>
      </c>
      <c r="K63" s="108" t="s">
        <v>36</v>
      </c>
      <c r="L63" s="117"/>
      <c r="M63" s="117"/>
      <c r="N63" s="109"/>
      <c r="O63" s="109"/>
      <c r="P63" s="109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0"/>
      <c r="AN63" s="110"/>
      <c r="AO63" s="110"/>
      <c r="AP63" s="110"/>
      <c r="AQ63" s="110"/>
      <c r="AR63" s="110"/>
      <c r="AS63" s="110"/>
      <c r="AT63" s="110"/>
      <c r="AU63" s="110"/>
      <c r="AV63" s="110"/>
      <c r="AW63" s="110"/>
      <c r="AX63" s="110"/>
      <c r="AY63" s="110"/>
      <c r="AZ63" s="110"/>
      <c r="BA63" s="110"/>
      <c r="BB63" s="110"/>
      <c r="BC63" s="110"/>
      <c r="BD63" s="110"/>
      <c r="BE63" s="110"/>
      <c r="BF63" s="110"/>
      <c r="BG63" s="110"/>
      <c r="BH63" s="110"/>
      <c r="BI63" s="110"/>
      <c r="BJ63" s="110"/>
    </row>
    <row r="64" spans="1:62" s="40" customFormat="1" ht="33" customHeight="1" x14ac:dyDescent="0.25">
      <c r="A64" s="86" t="s">
        <v>0</v>
      </c>
      <c r="B64" s="65"/>
      <c r="C64" s="66"/>
      <c r="D64" s="84"/>
      <c r="E64" s="84"/>
      <c r="F64" s="84"/>
      <c r="G64" s="84"/>
      <c r="H64" s="67"/>
      <c r="I64" s="68"/>
      <c r="J64" s="93"/>
      <c r="K64" s="135" t="s">
        <v>295</v>
      </c>
      <c r="L64" s="97"/>
      <c r="M64" s="97"/>
      <c r="N64" s="50"/>
      <c r="O64" s="50"/>
      <c r="P64" s="50"/>
    </row>
    <row r="65" spans="1:62" s="40" customFormat="1" ht="33" customHeight="1" x14ac:dyDescent="0.25">
      <c r="A65" s="85" t="s">
        <v>12</v>
      </c>
      <c r="B65" s="69"/>
      <c r="C65" s="70"/>
      <c r="D65" s="85"/>
      <c r="E65" s="85"/>
      <c r="F65" s="85"/>
      <c r="G65" s="86"/>
      <c r="H65" s="71"/>
      <c r="I65" s="72"/>
      <c r="J65" s="94"/>
      <c r="K65" s="136"/>
      <c r="L65" s="97"/>
      <c r="M65" s="97"/>
      <c r="N65" s="50"/>
      <c r="O65" s="50"/>
      <c r="P65" s="50"/>
    </row>
    <row r="66" spans="1:62" s="40" customFormat="1" ht="33" customHeight="1" x14ac:dyDescent="0.25">
      <c r="A66" s="87" t="s">
        <v>13</v>
      </c>
      <c r="B66" s="88"/>
      <c r="C66" s="89"/>
      <c r="D66" s="87"/>
      <c r="E66" s="87"/>
      <c r="F66" s="87"/>
      <c r="G66" s="87"/>
      <c r="H66" s="90"/>
      <c r="I66" s="91"/>
      <c r="J66" s="95"/>
      <c r="K66" s="137"/>
      <c r="L66" s="97"/>
      <c r="M66" s="97"/>
      <c r="N66" s="50"/>
      <c r="O66" s="50"/>
      <c r="P66" s="50"/>
    </row>
    <row r="67" spans="1:62" s="13" customFormat="1" ht="15.75" customHeight="1" x14ac:dyDescent="0.2">
      <c r="A67" s="23"/>
      <c r="B67" s="23"/>
      <c r="C67" s="10"/>
      <c r="D67" s="41"/>
      <c r="F67" s="14"/>
      <c r="G67" s="14"/>
      <c r="H67" s="14"/>
      <c r="I67" s="14"/>
      <c r="J67" s="26"/>
      <c r="K67" s="26"/>
      <c r="L67" s="26"/>
      <c r="M67" s="26"/>
    </row>
    <row r="68" spans="1:62" s="46" customFormat="1" ht="29.25" customHeight="1" x14ac:dyDescent="0.25">
      <c r="A68" s="139" t="s">
        <v>291</v>
      </c>
      <c r="B68" s="139"/>
      <c r="C68" s="139"/>
      <c r="D68" s="139"/>
      <c r="E68" s="139"/>
      <c r="F68" s="139"/>
      <c r="G68" s="139"/>
      <c r="H68" s="139"/>
      <c r="I68" s="139"/>
      <c r="J68" s="139"/>
      <c r="K68" s="139"/>
      <c r="L68" s="64"/>
      <c r="M68" s="64"/>
      <c r="N68" s="64"/>
      <c r="O68" s="64"/>
      <c r="P68" s="64"/>
    </row>
    <row r="69" spans="1:62" s="39" customFormat="1" ht="33" customHeight="1" x14ac:dyDescent="0.25">
      <c r="A69" s="128" t="s">
        <v>24</v>
      </c>
      <c r="B69" s="128" t="s">
        <v>39</v>
      </c>
      <c r="C69" s="128" t="s">
        <v>40</v>
      </c>
      <c r="D69" s="128" t="s">
        <v>30</v>
      </c>
      <c r="E69" s="128" t="s">
        <v>32</v>
      </c>
      <c r="F69" s="128" t="s">
        <v>41</v>
      </c>
      <c r="G69" s="128" t="s">
        <v>42</v>
      </c>
      <c r="H69" s="130" t="s">
        <v>45</v>
      </c>
      <c r="I69" s="131"/>
      <c r="J69" s="131"/>
      <c r="K69" s="132" t="s">
        <v>53</v>
      </c>
      <c r="L69" s="134"/>
      <c r="M69" s="134"/>
      <c r="N69" s="47"/>
      <c r="O69" s="47"/>
      <c r="P69" s="47"/>
    </row>
    <row r="70" spans="1:62" s="39" customFormat="1" ht="22.5" customHeight="1" x14ac:dyDescent="0.25">
      <c r="A70" s="129"/>
      <c r="B70" s="129"/>
      <c r="C70" s="129"/>
      <c r="D70" s="129"/>
      <c r="E70" s="129"/>
      <c r="F70" s="129"/>
      <c r="G70" s="129"/>
      <c r="H70" s="48" t="s">
        <v>26</v>
      </c>
      <c r="I70" s="49" t="s">
        <v>27</v>
      </c>
      <c r="J70" s="92" t="s">
        <v>28</v>
      </c>
      <c r="K70" s="133"/>
      <c r="L70" s="96"/>
      <c r="M70" s="96"/>
      <c r="N70" s="47"/>
      <c r="O70" s="47"/>
      <c r="P70" s="47"/>
    </row>
    <row r="71" spans="1:62" s="111" customFormat="1" ht="14.1" customHeight="1" x14ac:dyDescent="0.25">
      <c r="A71" s="102" t="s">
        <v>0</v>
      </c>
      <c r="B71" s="103" t="s">
        <v>12</v>
      </c>
      <c r="C71" s="103" t="s">
        <v>13</v>
      </c>
      <c r="D71" s="103" t="s">
        <v>14</v>
      </c>
      <c r="E71" s="112" t="s">
        <v>15</v>
      </c>
      <c r="F71" s="104" t="s">
        <v>16</v>
      </c>
      <c r="G71" s="99" t="s">
        <v>17</v>
      </c>
      <c r="H71" s="105" t="s">
        <v>18</v>
      </c>
      <c r="I71" s="106" t="s">
        <v>19</v>
      </c>
      <c r="J71" s="107" t="s">
        <v>35</v>
      </c>
      <c r="K71" s="108" t="s">
        <v>36</v>
      </c>
      <c r="L71" s="117"/>
      <c r="M71" s="117"/>
      <c r="N71" s="109"/>
      <c r="O71" s="109"/>
      <c r="P71" s="109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0"/>
      <c r="AP71" s="110"/>
      <c r="AQ71" s="110"/>
      <c r="AR71" s="110"/>
      <c r="AS71" s="110"/>
      <c r="AT71" s="110"/>
      <c r="AU71" s="110"/>
      <c r="AV71" s="110"/>
      <c r="AW71" s="110"/>
      <c r="AX71" s="110"/>
      <c r="AY71" s="110"/>
      <c r="AZ71" s="110"/>
      <c r="BA71" s="110"/>
      <c r="BB71" s="110"/>
      <c r="BC71" s="110"/>
      <c r="BD71" s="110"/>
      <c r="BE71" s="110"/>
      <c r="BF71" s="110"/>
      <c r="BG71" s="110"/>
      <c r="BH71" s="110"/>
      <c r="BI71" s="110"/>
      <c r="BJ71" s="110"/>
    </row>
    <row r="72" spans="1:62" s="40" customFormat="1" ht="33" customHeight="1" x14ac:dyDescent="0.25">
      <c r="A72" s="86" t="s">
        <v>0</v>
      </c>
      <c r="B72" s="65"/>
      <c r="C72" s="66"/>
      <c r="D72" s="84"/>
      <c r="E72" s="84"/>
      <c r="F72" s="84"/>
      <c r="G72" s="84"/>
      <c r="H72" s="67"/>
      <c r="I72" s="68"/>
      <c r="J72" s="93"/>
      <c r="K72" s="135" t="s">
        <v>296</v>
      </c>
      <c r="L72" s="97"/>
      <c r="M72" s="97"/>
      <c r="N72" s="50"/>
      <c r="O72" s="50"/>
      <c r="P72" s="50"/>
    </row>
    <row r="73" spans="1:62" s="40" customFormat="1" ht="33" customHeight="1" x14ac:dyDescent="0.25">
      <c r="A73" s="85" t="s">
        <v>12</v>
      </c>
      <c r="B73" s="69"/>
      <c r="C73" s="70"/>
      <c r="D73" s="85"/>
      <c r="E73" s="85"/>
      <c r="F73" s="85"/>
      <c r="G73" s="86"/>
      <c r="H73" s="71"/>
      <c r="I73" s="72"/>
      <c r="J73" s="94"/>
      <c r="K73" s="136"/>
      <c r="L73" s="97"/>
      <c r="M73" s="97"/>
      <c r="N73" s="50"/>
      <c r="O73" s="50"/>
      <c r="P73" s="50"/>
    </row>
    <row r="74" spans="1:62" s="40" customFormat="1" ht="33" customHeight="1" x14ac:dyDescent="0.25">
      <c r="A74" s="87" t="s">
        <v>13</v>
      </c>
      <c r="B74" s="88"/>
      <c r="C74" s="89"/>
      <c r="D74" s="87"/>
      <c r="E74" s="87"/>
      <c r="F74" s="87"/>
      <c r="G74" s="87"/>
      <c r="H74" s="90"/>
      <c r="I74" s="91"/>
      <c r="J74" s="95"/>
      <c r="K74" s="137"/>
      <c r="L74" s="97"/>
      <c r="M74" s="97"/>
      <c r="N74" s="50"/>
      <c r="O74" s="50"/>
      <c r="P74" s="50"/>
    </row>
    <row r="75" spans="1:62" s="45" customFormat="1" ht="33" customHeight="1" x14ac:dyDescent="0.25">
      <c r="A75" s="60"/>
      <c r="B75" s="61"/>
      <c r="C75" s="61"/>
      <c r="D75" s="61"/>
      <c r="E75" s="62"/>
      <c r="F75" s="62"/>
      <c r="G75" s="62"/>
      <c r="H75" s="62"/>
      <c r="I75" s="61"/>
      <c r="J75" s="61"/>
      <c r="K75" s="61"/>
      <c r="L75" s="127"/>
      <c r="M75" s="127"/>
      <c r="O75" s="63"/>
      <c r="P75" s="63"/>
    </row>
    <row r="76" spans="1:62" s="46" customFormat="1" ht="29.25" customHeight="1" x14ac:dyDescent="0.25">
      <c r="A76" s="139" t="s">
        <v>292</v>
      </c>
      <c r="B76" s="139"/>
      <c r="C76" s="139"/>
      <c r="D76" s="139"/>
      <c r="E76" s="139"/>
      <c r="F76" s="139"/>
      <c r="G76" s="139"/>
      <c r="H76" s="139"/>
      <c r="I76" s="139"/>
      <c r="J76" s="139"/>
      <c r="K76" s="139"/>
      <c r="L76" s="64"/>
      <c r="M76" s="64"/>
      <c r="N76" s="64"/>
      <c r="O76" s="64"/>
      <c r="P76" s="64"/>
    </row>
    <row r="77" spans="1:62" s="39" customFormat="1" ht="33" customHeight="1" x14ac:dyDescent="0.25">
      <c r="A77" s="128" t="s">
        <v>24</v>
      </c>
      <c r="B77" s="128" t="s">
        <v>39</v>
      </c>
      <c r="C77" s="128" t="s">
        <v>40</v>
      </c>
      <c r="D77" s="128" t="s">
        <v>30</v>
      </c>
      <c r="E77" s="128" t="s">
        <v>32</v>
      </c>
      <c r="F77" s="128" t="s">
        <v>41</v>
      </c>
      <c r="G77" s="128" t="s">
        <v>42</v>
      </c>
      <c r="H77" s="130" t="s">
        <v>45</v>
      </c>
      <c r="I77" s="131"/>
      <c r="J77" s="131"/>
      <c r="K77" s="132" t="s">
        <v>53</v>
      </c>
      <c r="L77" s="134"/>
      <c r="M77" s="134"/>
      <c r="N77" s="47"/>
      <c r="O77" s="47"/>
      <c r="P77" s="47"/>
    </row>
    <row r="78" spans="1:62" s="39" customFormat="1" ht="22.5" customHeight="1" x14ac:dyDescent="0.25">
      <c r="A78" s="129"/>
      <c r="B78" s="129"/>
      <c r="C78" s="129"/>
      <c r="D78" s="129"/>
      <c r="E78" s="129"/>
      <c r="F78" s="129"/>
      <c r="G78" s="129"/>
      <c r="H78" s="48" t="s">
        <v>26</v>
      </c>
      <c r="I78" s="49" t="s">
        <v>27</v>
      </c>
      <c r="J78" s="92" t="s">
        <v>28</v>
      </c>
      <c r="K78" s="133"/>
      <c r="L78" s="96"/>
      <c r="M78" s="96"/>
      <c r="N78" s="47"/>
      <c r="O78" s="47"/>
      <c r="P78" s="47"/>
    </row>
    <row r="79" spans="1:62" s="111" customFormat="1" ht="14.1" customHeight="1" x14ac:dyDescent="0.25">
      <c r="A79" s="102" t="s">
        <v>0</v>
      </c>
      <c r="B79" s="103" t="s">
        <v>12</v>
      </c>
      <c r="C79" s="103" t="s">
        <v>13</v>
      </c>
      <c r="D79" s="103" t="s">
        <v>14</v>
      </c>
      <c r="E79" s="112" t="s">
        <v>15</v>
      </c>
      <c r="F79" s="104" t="s">
        <v>16</v>
      </c>
      <c r="G79" s="99" t="s">
        <v>17</v>
      </c>
      <c r="H79" s="105" t="s">
        <v>18</v>
      </c>
      <c r="I79" s="106" t="s">
        <v>19</v>
      </c>
      <c r="J79" s="107" t="s">
        <v>35</v>
      </c>
      <c r="K79" s="108" t="s">
        <v>36</v>
      </c>
      <c r="L79" s="117"/>
      <c r="M79" s="117"/>
      <c r="N79" s="109"/>
      <c r="O79" s="109"/>
      <c r="P79" s="109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0"/>
      <c r="AP79" s="110"/>
      <c r="AQ79" s="110"/>
      <c r="AR79" s="110"/>
      <c r="AS79" s="110"/>
      <c r="AT79" s="110"/>
      <c r="AU79" s="110"/>
      <c r="AV79" s="110"/>
      <c r="AW79" s="110"/>
      <c r="AX79" s="110"/>
      <c r="AY79" s="110"/>
      <c r="AZ79" s="110"/>
      <c r="BA79" s="110"/>
      <c r="BB79" s="110"/>
      <c r="BC79" s="110"/>
      <c r="BD79" s="110"/>
      <c r="BE79" s="110"/>
      <c r="BF79" s="110"/>
      <c r="BG79" s="110"/>
      <c r="BH79" s="110"/>
      <c r="BI79" s="110"/>
      <c r="BJ79" s="110"/>
    </row>
    <row r="80" spans="1:62" s="40" customFormat="1" ht="33" customHeight="1" x14ac:dyDescent="0.25">
      <c r="A80" s="86" t="s">
        <v>0</v>
      </c>
      <c r="B80" s="65"/>
      <c r="C80" s="66"/>
      <c r="D80" s="84"/>
      <c r="E80" s="84"/>
      <c r="F80" s="84"/>
      <c r="G80" s="84"/>
      <c r="H80" s="67"/>
      <c r="I80" s="68"/>
      <c r="J80" s="93"/>
      <c r="K80" s="135" t="s">
        <v>165</v>
      </c>
      <c r="L80" s="97"/>
      <c r="M80" s="97"/>
      <c r="N80" s="50"/>
      <c r="O80" s="50"/>
      <c r="P80" s="50"/>
    </row>
    <row r="81" spans="1:62" s="40" customFormat="1" ht="33" customHeight="1" x14ac:dyDescent="0.25">
      <c r="A81" s="85" t="s">
        <v>12</v>
      </c>
      <c r="B81" s="69"/>
      <c r="C81" s="70"/>
      <c r="D81" s="85"/>
      <c r="E81" s="85"/>
      <c r="F81" s="85"/>
      <c r="G81" s="86"/>
      <c r="H81" s="71"/>
      <c r="I81" s="72"/>
      <c r="J81" s="94"/>
      <c r="K81" s="136"/>
      <c r="L81" s="97"/>
      <c r="M81" s="97"/>
      <c r="N81" s="50"/>
      <c r="O81" s="50"/>
      <c r="P81" s="50"/>
    </row>
    <row r="82" spans="1:62" s="40" customFormat="1" ht="33" customHeight="1" x14ac:dyDescent="0.25">
      <c r="A82" s="87" t="s">
        <v>13</v>
      </c>
      <c r="B82" s="88"/>
      <c r="C82" s="89"/>
      <c r="D82" s="87"/>
      <c r="E82" s="87"/>
      <c r="F82" s="87"/>
      <c r="G82" s="87"/>
      <c r="H82" s="90"/>
      <c r="I82" s="91"/>
      <c r="J82" s="95"/>
      <c r="K82" s="137"/>
      <c r="L82" s="97"/>
      <c r="M82" s="97"/>
      <c r="N82" s="50"/>
      <c r="O82" s="50"/>
      <c r="P82" s="50"/>
    </row>
    <row r="83" spans="1:62" s="13" customFormat="1" ht="15.75" customHeight="1" x14ac:dyDescent="0.2">
      <c r="A83" s="23"/>
      <c r="B83" s="23"/>
      <c r="C83" s="10"/>
      <c r="D83" s="41"/>
      <c r="F83" s="14"/>
      <c r="G83" s="14"/>
      <c r="H83" s="14"/>
      <c r="I83" s="14"/>
      <c r="J83" s="26"/>
      <c r="K83" s="26"/>
      <c r="L83" s="26"/>
      <c r="M83" s="26"/>
    </row>
    <row r="84" spans="1:62" s="46" customFormat="1" ht="29.25" customHeight="1" x14ac:dyDescent="0.25">
      <c r="A84" s="139" t="s">
        <v>293</v>
      </c>
      <c r="B84" s="139"/>
      <c r="C84" s="139"/>
      <c r="D84" s="139"/>
      <c r="E84" s="139"/>
      <c r="F84" s="139"/>
      <c r="G84" s="139"/>
      <c r="H84" s="139"/>
      <c r="I84" s="139"/>
      <c r="J84" s="139"/>
      <c r="K84" s="139"/>
      <c r="L84" s="64"/>
      <c r="M84" s="64"/>
      <c r="N84" s="64"/>
      <c r="O84" s="64"/>
      <c r="P84" s="64"/>
    </row>
    <row r="85" spans="1:62" s="39" customFormat="1" ht="33" customHeight="1" x14ac:dyDescent="0.25">
      <c r="A85" s="128" t="s">
        <v>24</v>
      </c>
      <c r="B85" s="128" t="s">
        <v>39</v>
      </c>
      <c r="C85" s="128" t="s">
        <v>40</v>
      </c>
      <c r="D85" s="128" t="s">
        <v>30</v>
      </c>
      <c r="E85" s="128" t="s">
        <v>32</v>
      </c>
      <c r="F85" s="128" t="s">
        <v>41</v>
      </c>
      <c r="G85" s="128" t="s">
        <v>42</v>
      </c>
      <c r="H85" s="130" t="s">
        <v>45</v>
      </c>
      <c r="I85" s="131"/>
      <c r="J85" s="131"/>
      <c r="K85" s="132" t="s">
        <v>53</v>
      </c>
      <c r="L85" s="134"/>
      <c r="M85" s="134"/>
      <c r="N85" s="47"/>
      <c r="O85" s="47"/>
      <c r="P85" s="47"/>
    </row>
    <row r="86" spans="1:62" s="39" customFormat="1" ht="22.5" customHeight="1" x14ac:dyDescent="0.25">
      <c r="A86" s="129"/>
      <c r="B86" s="129"/>
      <c r="C86" s="129"/>
      <c r="D86" s="129"/>
      <c r="E86" s="129"/>
      <c r="F86" s="129"/>
      <c r="G86" s="129"/>
      <c r="H86" s="48" t="s">
        <v>26</v>
      </c>
      <c r="I86" s="49" t="s">
        <v>27</v>
      </c>
      <c r="J86" s="92" t="s">
        <v>28</v>
      </c>
      <c r="K86" s="133"/>
      <c r="L86" s="96"/>
      <c r="M86" s="96"/>
      <c r="N86" s="47"/>
      <c r="O86" s="47"/>
      <c r="P86" s="47"/>
    </row>
    <row r="87" spans="1:62" s="111" customFormat="1" ht="14.1" customHeight="1" x14ac:dyDescent="0.25">
      <c r="A87" s="102" t="s">
        <v>0</v>
      </c>
      <c r="B87" s="103" t="s">
        <v>12</v>
      </c>
      <c r="C87" s="103" t="s">
        <v>13</v>
      </c>
      <c r="D87" s="103" t="s">
        <v>14</v>
      </c>
      <c r="E87" s="112" t="s">
        <v>15</v>
      </c>
      <c r="F87" s="104" t="s">
        <v>16</v>
      </c>
      <c r="G87" s="99" t="s">
        <v>17</v>
      </c>
      <c r="H87" s="105" t="s">
        <v>18</v>
      </c>
      <c r="I87" s="106" t="s">
        <v>19</v>
      </c>
      <c r="J87" s="107" t="s">
        <v>35</v>
      </c>
      <c r="K87" s="108" t="s">
        <v>36</v>
      </c>
      <c r="L87" s="117"/>
      <c r="M87" s="117"/>
      <c r="N87" s="109"/>
      <c r="O87" s="109"/>
      <c r="P87" s="109"/>
      <c r="Q87" s="110"/>
      <c r="R87" s="110"/>
      <c r="S87" s="110"/>
      <c r="T87" s="110"/>
      <c r="U87" s="110"/>
      <c r="V87" s="110"/>
      <c r="W87" s="110"/>
      <c r="X87" s="110"/>
      <c r="Y87" s="110"/>
      <c r="Z87" s="110"/>
      <c r="AA87" s="110"/>
      <c r="AB87" s="110"/>
      <c r="AC87" s="110"/>
      <c r="AD87" s="110"/>
      <c r="AE87" s="110"/>
      <c r="AF87" s="110"/>
      <c r="AG87" s="110"/>
      <c r="AH87" s="110"/>
      <c r="AI87" s="110"/>
      <c r="AJ87" s="110"/>
      <c r="AK87" s="110"/>
      <c r="AL87" s="110"/>
      <c r="AM87" s="110"/>
      <c r="AN87" s="110"/>
      <c r="AO87" s="110"/>
      <c r="AP87" s="110"/>
      <c r="AQ87" s="110"/>
      <c r="AR87" s="110"/>
      <c r="AS87" s="110"/>
      <c r="AT87" s="110"/>
      <c r="AU87" s="110"/>
      <c r="AV87" s="110"/>
      <c r="AW87" s="110"/>
      <c r="AX87" s="110"/>
      <c r="AY87" s="110"/>
      <c r="AZ87" s="110"/>
      <c r="BA87" s="110"/>
      <c r="BB87" s="110"/>
      <c r="BC87" s="110"/>
      <c r="BD87" s="110"/>
      <c r="BE87" s="110"/>
      <c r="BF87" s="110"/>
      <c r="BG87" s="110"/>
      <c r="BH87" s="110"/>
      <c r="BI87" s="110"/>
      <c r="BJ87" s="110"/>
    </row>
    <row r="88" spans="1:62" s="40" customFormat="1" ht="33" customHeight="1" x14ac:dyDescent="0.25">
      <c r="A88" s="86" t="s">
        <v>0</v>
      </c>
      <c r="B88" s="65"/>
      <c r="C88" s="66"/>
      <c r="D88" s="84"/>
      <c r="E88" s="84"/>
      <c r="F88" s="84"/>
      <c r="G88" s="84"/>
      <c r="H88" s="67"/>
      <c r="I88" s="68"/>
      <c r="J88" s="93"/>
      <c r="K88" s="135" t="s">
        <v>297</v>
      </c>
      <c r="L88" s="97"/>
      <c r="M88" s="97"/>
      <c r="N88" s="50"/>
      <c r="O88" s="50"/>
      <c r="P88" s="50"/>
    </row>
    <row r="89" spans="1:62" s="40" customFormat="1" ht="33" customHeight="1" x14ac:dyDescent="0.25">
      <c r="A89" s="85" t="s">
        <v>12</v>
      </c>
      <c r="B89" s="69"/>
      <c r="C89" s="70"/>
      <c r="D89" s="85"/>
      <c r="E89" s="85"/>
      <c r="F89" s="85"/>
      <c r="G89" s="86"/>
      <c r="H89" s="71"/>
      <c r="I89" s="72"/>
      <c r="J89" s="94"/>
      <c r="K89" s="136"/>
      <c r="L89" s="97"/>
      <c r="M89" s="97"/>
      <c r="N89" s="50"/>
      <c r="O89" s="50"/>
      <c r="P89" s="50"/>
    </row>
    <row r="90" spans="1:62" s="40" customFormat="1" ht="33" customHeight="1" x14ac:dyDescent="0.25">
      <c r="A90" s="87" t="s">
        <v>13</v>
      </c>
      <c r="B90" s="88"/>
      <c r="C90" s="89"/>
      <c r="D90" s="87"/>
      <c r="E90" s="87"/>
      <c r="F90" s="87"/>
      <c r="G90" s="87"/>
      <c r="H90" s="90"/>
      <c r="I90" s="91"/>
      <c r="J90" s="95"/>
      <c r="K90" s="137"/>
      <c r="L90" s="97"/>
      <c r="M90" s="97"/>
      <c r="N90" s="50"/>
      <c r="O90" s="50"/>
      <c r="P90" s="50"/>
    </row>
    <row r="91" spans="1:62" s="45" customFormat="1" ht="33" customHeight="1" x14ac:dyDescent="0.25">
      <c r="A91" s="60"/>
      <c r="B91" s="61"/>
      <c r="C91" s="61"/>
      <c r="D91" s="61"/>
      <c r="E91" s="62"/>
      <c r="F91" s="62"/>
      <c r="G91" s="62"/>
      <c r="H91" s="62"/>
      <c r="I91" s="61"/>
      <c r="J91" s="61"/>
      <c r="K91" s="61"/>
      <c r="L91" s="127"/>
      <c r="M91" s="127"/>
      <c r="O91" s="63"/>
      <c r="P91" s="63"/>
    </row>
    <row r="92" spans="1:62" s="46" customFormat="1" ht="29.25" customHeight="1" x14ac:dyDescent="0.25">
      <c r="A92" s="139" t="s">
        <v>294</v>
      </c>
      <c r="B92" s="139"/>
      <c r="C92" s="139"/>
      <c r="D92" s="139"/>
      <c r="E92" s="139"/>
      <c r="F92" s="139"/>
      <c r="G92" s="139"/>
      <c r="H92" s="139"/>
      <c r="I92" s="139"/>
      <c r="J92" s="139"/>
      <c r="K92" s="139"/>
      <c r="L92" s="64"/>
      <c r="M92" s="64"/>
      <c r="N92" s="64"/>
      <c r="O92" s="64"/>
      <c r="P92" s="64"/>
    </row>
    <row r="93" spans="1:62" s="39" customFormat="1" ht="33" customHeight="1" x14ac:dyDescent="0.25">
      <c r="A93" s="128" t="s">
        <v>24</v>
      </c>
      <c r="B93" s="128" t="s">
        <v>39</v>
      </c>
      <c r="C93" s="128" t="s">
        <v>40</v>
      </c>
      <c r="D93" s="128" t="s">
        <v>30</v>
      </c>
      <c r="E93" s="128" t="s">
        <v>32</v>
      </c>
      <c r="F93" s="128" t="s">
        <v>41</v>
      </c>
      <c r="G93" s="128" t="s">
        <v>42</v>
      </c>
      <c r="H93" s="130" t="s">
        <v>45</v>
      </c>
      <c r="I93" s="131"/>
      <c r="J93" s="131"/>
      <c r="K93" s="132" t="s">
        <v>53</v>
      </c>
      <c r="L93" s="134"/>
      <c r="M93" s="134"/>
      <c r="N93" s="47"/>
      <c r="O93" s="47"/>
      <c r="P93" s="47"/>
    </row>
    <row r="94" spans="1:62" s="39" customFormat="1" ht="22.5" customHeight="1" x14ac:dyDescent="0.25">
      <c r="A94" s="129"/>
      <c r="B94" s="129"/>
      <c r="C94" s="129"/>
      <c r="D94" s="129"/>
      <c r="E94" s="129"/>
      <c r="F94" s="129"/>
      <c r="G94" s="129"/>
      <c r="H94" s="48" t="s">
        <v>26</v>
      </c>
      <c r="I94" s="49" t="s">
        <v>27</v>
      </c>
      <c r="J94" s="92" t="s">
        <v>28</v>
      </c>
      <c r="K94" s="133"/>
      <c r="L94" s="96"/>
      <c r="M94" s="96"/>
      <c r="N94" s="47"/>
      <c r="O94" s="47"/>
      <c r="P94" s="47"/>
    </row>
    <row r="95" spans="1:62" s="111" customFormat="1" ht="14.1" customHeight="1" x14ac:dyDescent="0.25">
      <c r="A95" s="102" t="s">
        <v>0</v>
      </c>
      <c r="B95" s="103" t="s">
        <v>12</v>
      </c>
      <c r="C95" s="103" t="s">
        <v>13</v>
      </c>
      <c r="D95" s="103" t="s">
        <v>14</v>
      </c>
      <c r="E95" s="112" t="s">
        <v>15</v>
      </c>
      <c r="F95" s="104" t="s">
        <v>16</v>
      </c>
      <c r="G95" s="99" t="s">
        <v>17</v>
      </c>
      <c r="H95" s="105" t="s">
        <v>18</v>
      </c>
      <c r="I95" s="106" t="s">
        <v>19</v>
      </c>
      <c r="J95" s="107" t="s">
        <v>35</v>
      </c>
      <c r="K95" s="108" t="s">
        <v>36</v>
      </c>
      <c r="L95" s="117"/>
      <c r="M95" s="117"/>
      <c r="N95" s="109"/>
      <c r="O95" s="109"/>
      <c r="P95" s="109"/>
      <c r="Q95" s="110"/>
      <c r="R95" s="110"/>
      <c r="S95" s="110"/>
      <c r="T95" s="110"/>
      <c r="U95" s="110"/>
      <c r="V95" s="110"/>
      <c r="W95" s="110"/>
      <c r="X95" s="110"/>
      <c r="Y95" s="110"/>
      <c r="Z95" s="110"/>
      <c r="AA95" s="110"/>
      <c r="AB95" s="110"/>
      <c r="AC95" s="110"/>
      <c r="AD95" s="110"/>
      <c r="AE95" s="110"/>
      <c r="AF95" s="110"/>
      <c r="AG95" s="110"/>
      <c r="AH95" s="110"/>
      <c r="AI95" s="110"/>
      <c r="AJ95" s="110"/>
      <c r="AK95" s="110"/>
      <c r="AL95" s="110"/>
      <c r="AM95" s="110"/>
      <c r="AN95" s="110"/>
      <c r="AO95" s="110"/>
      <c r="AP95" s="110"/>
      <c r="AQ95" s="110"/>
      <c r="AR95" s="110"/>
      <c r="AS95" s="110"/>
      <c r="AT95" s="110"/>
      <c r="AU95" s="110"/>
      <c r="AV95" s="110"/>
      <c r="AW95" s="110"/>
      <c r="AX95" s="110"/>
      <c r="AY95" s="110"/>
      <c r="AZ95" s="110"/>
      <c r="BA95" s="110"/>
      <c r="BB95" s="110"/>
      <c r="BC95" s="110"/>
      <c r="BD95" s="110"/>
      <c r="BE95" s="110"/>
      <c r="BF95" s="110"/>
      <c r="BG95" s="110"/>
      <c r="BH95" s="110"/>
      <c r="BI95" s="110"/>
      <c r="BJ95" s="110"/>
    </row>
    <row r="96" spans="1:62" s="40" customFormat="1" ht="33" customHeight="1" x14ac:dyDescent="0.25">
      <c r="A96" s="86" t="s">
        <v>0</v>
      </c>
      <c r="B96" s="65"/>
      <c r="C96" s="66"/>
      <c r="D96" s="84"/>
      <c r="E96" s="84"/>
      <c r="F96" s="84"/>
      <c r="G96" s="84"/>
      <c r="H96" s="67"/>
      <c r="I96" s="68"/>
      <c r="J96" s="93"/>
      <c r="K96" s="135" t="s">
        <v>298</v>
      </c>
      <c r="L96" s="97"/>
      <c r="M96" s="97"/>
      <c r="N96" s="50"/>
      <c r="O96" s="50"/>
      <c r="P96" s="50"/>
    </row>
    <row r="97" spans="1:16" s="40" customFormat="1" ht="33" customHeight="1" x14ac:dyDescent="0.25">
      <c r="A97" s="85" t="s">
        <v>12</v>
      </c>
      <c r="B97" s="69"/>
      <c r="C97" s="70"/>
      <c r="D97" s="85"/>
      <c r="E97" s="85"/>
      <c r="F97" s="85"/>
      <c r="G97" s="86"/>
      <c r="H97" s="71"/>
      <c r="I97" s="72"/>
      <c r="J97" s="94"/>
      <c r="K97" s="136"/>
      <c r="L97" s="97"/>
      <c r="M97" s="97"/>
      <c r="N97" s="50"/>
      <c r="O97" s="50"/>
      <c r="P97" s="50"/>
    </row>
    <row r="98" spans="1:16" s="40" customFormat="1" ht="33" customHeight="1" x14ac:dyDescent="0.25">
      <c r="A98" s="87" t="s">
        <v>13</v>
      </c>
      <c r="B98" s="88"/>
      <c r="C98" s="89"/>
      <c r="D98" s="87"/>
      <c r="E98" s="87"/>
      <c r="F98" s="87"/>
      <c r="G98" s="87"/>
      <c r="H98" s="90"/>
      <c r="I98" s="91"/>
      <c r="J98" s="95"/>
      <c r="K98" s="137"/>
      <c r="L98" s="97"/>
      <c r="M98" s="97"/>
      <c r="N98" s="50"/>
      <c r="O98" s="50"/>
      <c r="P98" s="50"/>
    </row>
    <row r="99" spans="1:16" s="13" customFormat="1" ht="15.75" customHeight="1" x14ac:dyDescent="0.2">
      <c r="A99" s="23"/>
      <c r="B99" s="23"/>
      <c r="C99" s="10"/>
      <c r="D99" s="41"/>
      <c r="F99" s="14"/>
      <c r="G99" s="14"/>
      <c r="H99" s="14"/>
      <c r="I99" s="14"/>
      <c r="J99" s="26"/>
      <c r="K99" s="26"/>
      <c r="L99" s="26"/>
      <c r="M99" s="26"/>
    </row>
    <row r="100" spans="1:16" s="40" customFormat="1" ht="33" customHeight="1" x14ac:dyDescent="0.25">
      <c r="A100" s="73"/>
      <c r="B100" s="74"/>
      <c r="C100" s="74"/>
      <c r="D100" s="73"/>
      <c r="E100" s="73"/>
      <c r="F100" s="73"/>
      <c r="G100" s="73"/>
      <c r="H100" s="75"/>
      <c r="I100" s="76"/>
      <c r="J100" s="75"/>
      <c r="K100" s="118"/>
      <c r="L100" s="97"/>
      <c r="M100" s="97"/>
      <c r="N100" s="50"/>
      <c r="O100" s="50"/>
      <c r="P100" s="50"/>
    </row>
    <row r="101" spans="1:16" s="40" customFormat="1" ht="33" customHeight="1" x14ac:dyDescent="0.25">
      <c r="A101" s="73"/>
      <c r="B101" s="74"/>
      <c r="C101" s="74"/>
      <c r="D101" s="73"/>
      <c r="E101" s="73"/>
      <c r="F101" s="73"/>
      <c r="G101" s="73"/>
      <c r="H101" s="75"/>
      <c r="I101" s="76"/>
      <c r="J101" s="75"/>
      <c r="K101" s="120"/>
      <c r="L101" s="97"/>
      <c r="M101" s="97"/>
      <c r="N101" s="50"/>
      <c r="O101" s="50"/>
      <c r="P101" s="50"/>
    </row>
    <row r="102" spans="1:16" s="18" customFormat="1" ht="20.100000000000001" customHeight="1" x14ac:dyDescent="0.2">
      <c r="A102" s="42" t="s">
        <v>3</v>
      </c>
      <c r="B102" s="42"/>
      <c r="C102" s="141"/>
      <c r="D102" s="141"/>
      <c r="E102" s="25"/>
      <c r="F102" s="17"/>
      <c r="G102" s="17"/>
      <c r="H102" s="17"/>
      <c r="I102" s="17"/>
      <c r="J102" s="17"/>
      <c r="K102" s="26"/>
      <c r="L102" s="26"/>
    </row>
    <row r="103" spans="1:16" s="18" customFormat="1" ht="20.100000000000001" customHeight="1" x14ac:dyDescent="0.2">
      <c r="A103" s="42" t="s">
        <v>4</v>
      </c>
      <c r="B103" s="42"/>
      <c r="C103" s="140"/>
      <c r="D103" s="140"/>
      <c r="E103" s="20"/>
      <c r="F103" s="17"/>
      <c r="G103" s="17"/>
      <c r="H103" s="17"/>
      <c r="I103" s="17"/>
      <c r="J103" s="17"/>
      <c r="K103" s="21"/>
      <c r="L103" s="22"/>
    </row>
    <row r="104" spans="1:16" s="18" customFormat="1" ht="20.100000000000001" customHeight="1" x14ac:dyDescent="0.2">
      <c r="A104" s="42" t="s">
        <v>5</v>
      </c>
      <c r="B104" s="42"/>
      <c r="C104" s="140"/>
      <c r="D104" s="140"/>
      <c r="E104" s="20"/>
      <c r="F104" s="17"/>
      <c r="G104" s="17"/>
      <c r="H104" s="17"/>
      <c r="I104" s="17"/>
      <c r="J104" s="17"/>
      <c r="K104" s="21"/>
      <c r="L104" s="22"/>
    </row>
    <row r="105" spans="1:16" s="18" customFormat="1" ht="20.100000000000001" customHeight="1" x14ac:dyDescent="0.25">
      <c r="A105" s="42"/>
      <c r="B105" s="42"/>
      <c r="C105" s="42"/>
      <c r="D105" s="19"/>
      <c r="E105" s="20"/>
      <c r="F105" s="17"/>
      <c r="G105" s="17"/>
      <c r="H105" s="17"/>
      <c r="I105" s="17"/>
      <c r="J105" s="17"/>
      <c r="K105" s="21"/>
      <c r="L105" s="22"/>
    </row>
    <row r="106" spans="1:16" s="18" customFormat="1" ht="20.100000000000001" customHeight="1" x14ac:dyDescent="0.2">
      <c r="A106" s="42" t="s">
        <v>6</v>
      </c>
      <c r="B106" s="42"/>
      <c r="C106" s="141"/>
      <c r="D106" s="141"/>
      <c r="E106" s="20"/>
      <c r="F106" s="17"/>
      <c r="G106" s="17"/>
      <c r="H106" s="17"/>
      <c r="I106" s="17"/>
      <c r="J106" s="17"/>
      <c r="K106" s="21"/>
      <c r="L106" s="22"/>
    </row>
    <row r="107" spans="1:16" s="18" customFormat="1" ht="20.100000000000001" customHeight="1" x14ac:dyDescent="0.2">
      <c r="A107" s="42" t="s">
        <v>7</v>
      </c>
      <c r="B107" s="42"/>
      <c r="C107" s="140"/>
      <c r="D107" s="140"/>
      <c r="E107" s="20"/>
      <c r="F107" s="17"/>
      <c r="G107" s="27" t="s">
        <v>20</v>
      </c>
      <c r="H107" s="151"/>
      <c r="I107" s="151"/>
      <c r="J107" s="17"/>
      <c r="K107" s="21"/>
      <c r="L107" s="22"/>
    </row>
    <row r="108" spans="1:16" s="18" customFormat="1" ht="20.100000000000001" customHeight="1" x14ac:dyDescent="0.2">
      <c r="A108" s="42" t="s">
        <v>8</v>
      </c>
      <c r="B108" s="42"/>
      <c r="C108" s="140"/>
      <c r="D108" s="140"/>
      <c r="E108" s="20"/>
      <c r="F108" s="17"/>
      <c r="G108" s="28"/>
      <c r="H108" s="29"/>
      <c r="I108" s="29"/>
    </row>
    <row r="109" spans="1:16" s="18" customFormat="1" ht="20.100000000000001" customHeight="1" x14ac:dyDescent="0.25">
      <c r="A109" s="19"/>
      <c r="B109" s="19"/>
      <c r="C109" s="19"/>
      <c r="D109" s="20"/>
      <c r="E109" s="20"/>
      <c r="F109" s="17"/>
      <c r="G109" s="30" t="s">
        <v>21</v>
      </c>
      <c r="H109" s="152"/>
      <c r="I109" s="152"/>
    </row>
    <row r="110" spans="1:16" s="18" customFormat="1" ht="20.100000000000001" customHeight="1" x14ac:dyDescent="0.25">
      <c r="A110" s="19"/>
      <c r="B110" s="19"/>
      <c r="C110" s="19"/>
      <c r="D110" s="20"/>
      <c r="E110" s="20"/>
      <c r="F110" s="17"/>
      <c r="G110" s="30" t="s">
        <v>22</v>
      </c>
      <c r="H110" s="150"/>
      <c r="I110" s="150"/>
    </row>
    <row r="111" spans="1:16" s="13" customFormat="1" ht="20.100000000000001" customHeight="1" x14ac:dyDescent="0.2">
      <c r="A111" s="10" t="s">
        <v>2</v>
      </c>
      <c r="B111" s="140"/>
      <c r="C111" s="140"/>
      <c r="D111" s="11"/>
      <c r="E111" s="11"/>
      <c r="F111" s="14"/>
      <c r="G111" s="31" t="s">
        <v>23</v>
      </c>
      <c r="H111" s="28"/>
      <c r="I111" s="32"/>
      <c r="M111" s="10"/>
    </row>
    <row r="112" spans="1:16" s="13" customFormat="1" ht="20.100000000000001" customHeight="1" x14ac:dyDescent="0.2">
      <c r="A112" s="10" t="s">
        <v>1</v>
      </c>
      <c r="B112" s="149"/>
      <c r="C112" s="149"/>
      <c r="D112" s="11"/>
      <c r="E112" s="11"/>
      <c r="F112" s="14"/>
      <c r="G112" s="14"/>
      <c r="H112" s="14"/>
      <c r="I112" s="14"/>
      <c r="M112" s="10"/>
    </row>
    <row r="113" spans="1:13" s="13" customFormat="1" x14ac:dyDescent="0.2">
      <c r="A113" s="10"/>
      <c r="B113" s="10"/>
      <c r="C113" s="10"/>
      <c r="D113" s="11"/>
      <c r="E113" s="11"/>
      <c r="F113" s="14"/>
      <c r="G113" s="14"/>
      <c r="H113" s="14"/>
      <c r="I113" s="14"/>
      <c r="J113" s="14"/>
      <c r="K113" s="12"/>
      <c r="L113" s="10"/>
      <c r="M113" s="10"/>
    </row>
    <row r="114" spans="1:13" s="13" customFormat="1" ht="15" customHeight="1" x14ac:dyDescent="0.2">
      <c r="A114" s="10"/>
      <c r="B114" s="10"/>
      <c r="D114" s="11"/>
      <c r="E114" s="11"/>
      <c r="F114" s="14"/>
      <c r="G114" s="14"/>
      <c r="H114" s="14"/>
      <c r="I114" s="14"/>
      <c r="J114" s="14"/>
      <c r="K114" s="12"/>
      <c r="L114" s="10"/>
      <c r="M114" s="10"/>
    </row>
    <row r="115" spans="1:13" s="2" customFormat="1" x14ac:dyDescent="0.2">
      <c r="A115" s="148" t="s">
        <v>10</v>
      </c>
      <c r="B115" s="148"/>
      <c r="D115" s="3"/>
      <c r="E115" s="3"/>
      <c r="F115" s="4"/>
      <c r="G115" s="4"/>
      <c r="H115" s="4"/>
      <c r="I115" s="4"/>
      <c r="J115" s="4"/>
      <c r="K115" s="15"/>
    </row>
    <row r="116" spans="1:13" ht="14.25" x14ac:dyDescent="0.2">
      <c r="A116" s="33"/>
      <c r="B116" s="34" t="s">
        <v>11</v>
      </c>
    </row>
    <row r="117" spans="1:13" ht="6.75" customHeight="1" x14ac:dyDescent="0.2">
      <c r="A117" s="35"/>
      <c r="B117" s="36"/>
    </row>
  </sheetData>
  <mergeCells count="144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20:K20"/>
    <mergeCell ref="A21:A22"/>
    <mergeCell ref="B21:B22"/>
    <mergeCell ref="C21:C22"/>
    <mergeCell ref="D21:D22"/>
    <mergeCell ref="E21:E22"/>
    <mergeCell ref="F21:F22"/>
    <mergeCell ref="G21:G22"/>
    <mergeCell ref="F29:F30"/>
    <mergeCell ref="G29:G30"/>
    <mergeCell ref="H29:J29"/>
    <mergeCell ref="K29:K30"/>
    <mergeCell ref="L29:M29"/>
    <mergeCell ref="K32:K34"/>
    <mergeCell ref="H21:J21"/>
    <mergeCell ref="K21:K22"/>
    <mergeCell ref="L21:M21"/>
    <mergeCell ref="K24:K26"/>
    <mergeCell ref="A28:K28"/>
    <mergeCell ref="A29:A30"/>
    <mergeCell ref="B29:B30"/>
    <mergeCell ref="C29:C30"/>
    <mergeCell ref="D29:D30"/>
    <mergeCell ref="E29:E30"/>
    <mergeCell ref="A36:K36"/>
    <mergeCell ref="A37:A38"/>
    <mergeCell ref="B37:B38"/>
    <mergeCell ref="C37:C38"/>
    <mergeCell ref="D37:D38"/>
    <mergeCell ref="E37:E38"/>
    <mergeCell ref="F37:F38"/>
    <mergeCell ref="G37:G38"/>
    <mergeCell ref="H37:J37"/>
    <mergeCell ref="K37:K38"/>
    <mergeCell ref="L37:M37"/>
    <mergeCell ref="K40:K42"/>
    <mergeCell ref="A44:K44"/>
    <mergeCell ref="A45:A46"/>
    <mergeCell ref="B45:B46"/>
    <mergeCell ref="C45:C46"/>
    <mergeCell ref="D45:D46"/>
    <mergeCell ref="E45:E46"/>
    <mergeCell ref="F45:F46"/>
    <mergeCell ref="G45:G46"/>
    <mergeCell ref="F53:F54"/>
    <mergeCell ref="G53:G54"/>
    <mergeCell ref="H53:J53"/>
    <mergeCell ref="K53:K54"/>
    <mergeCell ref="L53:M53"/>
    <mergeCell ref="K56:K58"/>
    <mergeCell ref="H45:J45"/>
    <mergeCell ref="K45:K46"/>
    <mergeCell ref="L45:M45"/>
    <mergeCell ref="K48:K50"/>
    <mergeCell ref="A52:K52"/>
    <mergeCell ref="A53:A54"/>
    <mergeCell ref="B53:B54"/>
    <mergeCell ref="C53:C54"/>
    <mergeCell ref="D53:D54"/>
    <mergeCell ref="E53:E54"/>
    <mergeCell ref="C108:D108"/>
    <mergeCell ref="H109:I109"/>
    <mergeCell ref="H110:I110"/>
    <mergeCell ref="B111:C111"/>
    <mergeCell ref="B112:C112"/>
    <mergeCell ref="A115:B115"/>
    <mergeCell ref="C102:D102"/>
    <mergeCell ref="C103:D103"/>
    <mergeCell ref="C104:D104"/>
    <mergeCell ref="C106:D106"/>
    <mergeCell ref="C107:D107"/>
    <mergeCell ref="H107:I107"/>
    <mergeCell ref="F61:F62"/>
    <mergeCell ref="G61:G62"/>
    <mergeCell ref="H61:J61"/>
    <mergeCell ref="K61:K62"/>
    <mergeCell ref="L61:M61"/>
    <mergeCell ref="K64:K66"/>
    <mergeCell ref="A60:K60"/>
    <mergeCell ref="A61:A62"/>
    <mergeCell ref="B61:B62"/>
    <mergeCell ref="C61:C62"/>
    <mergeCell ref="D61:D62"/>
    <mergeCell ref="E61:E62"/>
    <mergeCell ref="A68:K68"/>
    <mergeCell ref="A69:A70"/>
    <mergeCell ref="B69:B70"/>
    <mergeCell ref="C69:C70"/>
    <mergeCell ref="D69:D70"/>
    <mergeCell ref="E69:E70"/>
    <mergeCell ref="F69:F70"/>
    <mergeCell ref="G69:G70"/>
    <mergeCell ref="H69:J69"/>
    <mergeCell ref="K69:K70"/>
    <mergeCell ref="L69:M69"/>
    <mergeCell ref="K72:K74"/>
    <mergeCell ref="A76:K76"/>
    <mergeCell ref="A77:A78"/>
    <mergeCell ref="B77:B78"/>
    <mergeCell ref="C77:C78"/>
    <mergeCell ref="D77:D78"/>
    <mergeCell ref="E77:E78"/>
    <mergeCell ref="F77:F78"/>
    <mergeCell ref="G77:G78"/>
    <mergeCell ref="F85:F86"/>
    <mergeCell ref="G85:G86"/>
    <mergeCell ref="H85:J85"/>
    <mergeCell ref="K85:K86"/>
    <mergeCell ref="L85:M85"/>
    <mergeCell ref="K88:K90"/>
    <mergeCell ref="H77:J77"/>
    <mergeCell ref="K77:K78"/>
    <mergeCell ref="L77:M77"/>
    <mergeCell ref="K80:K82"/>
    <mergeCell ref="A84:K84"/>
    <mergeCell ref="A85:A86"/>
    <mergeCell ref="B85:B86"/>
    <mergeCell ref="C85:C86"/>
    <mergeCell ref="D85:D86"/>
    <mergeCell ref="E85:E86"/>
    <mergeCell ref="L93:M93"/>
    <mergeCell ref="K96:K98"/>
    <mergeCell ref="A92:K92"/>
    <mergeCell ref="A93:A94"/>
    <mergeCell ref="B93:B94"/>
    <mergeCell ref="C93:C94"/>
    <mergeCell ref="D93:D94"/>
    <mergeCell ref="E93:E94"/>
    <mergeCell ref="F93:F94"/>
    <mergeCell ref="G93:G94"/>
    <mergeCell ref="H93:J93"/>
    <mergeCell ref="K93:K94"/>
  </mergeCells>
  <conditionalFormatting sqref="B111:C111">
    <cfRule type="containsBlanks" dxfId="113" priority="6">
      <formula>LEN(TRIM(B111))=0</formula>
    </cfRule>
  </conditionalFormatting>
  <conditionalFormatting sqref="B112:C112">
    <cfRule type="containsBlanks" dxfId="112" priority="5">
      <formula>LEN(TRIM(B112))=0</formula>
    </cfRule>
  </conditionalFormatting>
  <conditionalFormatting sqref="H109:I109">
    <cfRule type="containsBlanks" dxfId="111" priority="4">
      <formula>LEN(TRIM(H109))=0</formula>
    </cfRule>
  </conditionalFormatting>
  <conditionalFormatting sqref="H110:I110">
    <cfRule type="containsBlanks" dxfId="110" priority="3">
      <formula>LEN(TRIM(H110))=0</formula>
    </cfRule>
  </conditionalFormatting>
  <conditionalFormatting sqref="C102:D104">
    <cfRule type="containsBlanks" dxfId="109" priority="2">
      <formula>LEN(TRIM(C102))=0</formula>
    </cfRule>
  </conditionalFormatting>
  <conditionalFormatting sqref="C106:D108">
    <cfRule type="containsBlanks" dxfId="108" priority="1">
      <formula>LEN(TRIM(C106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4" manualBreakCount="4">
    <brk id="19" max="12" man="1"/>
    <brk id="43" max="12" man="1"/>
    <brk id="67" max="12" man="1"/>
    <brk id="91" max="12" man="1"/>
  </rowBreaks>
  <colBreaks count="1" manualBreakCount="1">
    <brk id="13" max="28" man="1"/>
  </colBreaks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224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47" t="s">
        <v>30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60" customHeight="1" x14ac:dyDescent="0.25">
      <c r="A9" s="51" t="s">
        <v>0</v>
      </c>
      <c r="B9" s="52" t="s">
        <v>309</v>
      </c>
      <c r="C9" s="114" t="s">
        <v>46</v>
      </c>
      <c r="D9" s="119">
        <v>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60" customHeight="1" x14ac:dyDescent="0.25">
      <c r="A10" s="51" t="s">
        <v>12</v>
      </c>
      <c r="B10" s="52" t="s">
        <v>310</v>
      </c>
      <c r="C10" s="114" t="s">
        <v>46</v>
      </c>
      <c r="D10" s="119">
        <v>12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60" customHeight="1" x14ac:dyDescent="0.25">
      <c r="A11" s="51" t="s">
        <v>13</v>
      </c>
      <c r="B11" s="52" t="s">
        <v>311</v>
      </c>
      <c r="C11" s="114" t="s">
        <v>46</v>
      </c>
      <c r="D11" s="119">
        <v>4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60" customHeight="1" x14ac:dyDescent="0.25">
      <c r="A12" s="51" t="s">
        <v>14</v>
      </c>
      <c r="B12" s="52" t="s">
        <v>312</v>
      </c>
      <c r="C12" s="114" t="s">
        <v>46</v>
      </c>
      <c r="D12" s="119">
        <v>84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60" customHeight="1" x14ac:dyDescent="0.25">
      <c r="A13" s="51" t="s">
        <v>15</v>
      </c>
      <c r="B13" s="52" t="s">
        <v>313</v>
      </c>
      <c r="C13" s="114" t="s">
        <v>46</v>
      </c>
      <c r="D13" s="119">
        <v>4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60" customHeight="1" x14ac:dyDescent="0.25">
      <c r="A14" s="51" t="s">
        <v>16</v>
      </c>
      <c r="B14" s="52" t="s">
        <v>314</v>
      </c>
      <c r="C14" s="114" t="s">
        <v>46</v>
      </c>
      <c r="D14" s="119">
        <v>16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4" customFormat="1" ht="30" customHeight="1" x14ac:dyDescent="0.25">
      <c r="A15" s="51" t="s">
        <v>17</v>
      </c>
      <c r="B15" s="52" t="s">
        <v>315</v>
      </c>
      <c r="C15" s="114" t="s">
        <v>46</v>
      </c>
      <c r="D15" s="119">
        <v>48</v>
      </c>
      <c r="E15" s="53"/>
      <c r="F15" s="53"/>
      <c r="G15" s="53"/>
      <c r="H15" s="54"/>
      <c r="I15" s="55"/>
      <c r="J15" s="56"/>
      <c r="K15" s="57"/>
      <c r="L15" s="58"/>
      <c r="M15" s="59"/>
      <c r="O15" s="50"/>
      <c r="P15" s="50"/>
    </row>
    <row r="16" spans="1:22" s="44" customFormat="1" ht="30" customHeight="1" x14ac:dyDescent="0.25">
      <c r="A16" s="51" t="s">
        <v>18</v>
      </c>
      <c r="B16" s="52" t="s">
        <v>316</v>
      </c>
      <c r="C16" s="114" t="s">
        <v>46</v>
      </c>
      <c r="D16" s="119">
        <v>48</v>
      </c>
      <c r="E16" s="53"/>
      <c r="F16" s="53"/>
      <c r="G16" s="53"/>
      <c r="H16" s="54"/>
      <c r="I16" s="55"/>
      <c r="J16" s="56"/>
      <c r="K16" s="57"/>
      <c r="L16" s="58"/>
      <c r="M16" s="59"/>
      <c r="O16" s="50"/>
      <c r="P16" s="50"/>
    </row>
    <row r="17" spans="1:16" s="44" customFormat="1" ht="60" customHeight="1" x14ac:dyDescent="0.25">
      <c r="A17" s="51" t="s">
        <v>19</v>
      </c>
      <c r="B17" s="52" t="s">
        <v>317</v>
      </c>
      <c r="C17" s="114" t="s">
        <v>46</v>
      </c>
      <c r="D17" s="119">
        <v>24</v>
      </c>
      <c r="E17" s="53"/>
      <c r="F17" s="53"/>
      <c r="G17" s="53"/>
      <c r="H17" s="54"/>
      <c r="I17" s="55"/>
      <c r="J17" s="56"/>
      <c r="K17" s="57"/>
      <c r="L17" s="58"/>
      <c r="M17" s="59"/>
      <c r="O17" s="50"/>
      <c r="P17" s="50"/>
    </row>
    <row r="18" spans="1:16" s="44" customFormat="1" ht="60" customHeight="1" x14ac:dyDescent="0.25">
      <c r="A18" s="51" t="s">
        <v>35</v>
      </c>
      <c r="B18" s="52" t="s">
        <v>318</v>
      </c>
      <c r="C18" s="114" t="s">
        <v>46</v>
      </c>
      <c r="D18" s="119">
        <v>24</v>
      </c>
      <c r="E18" s="53"/>
      <c r="F18" s="53"/>
      <c r="G18" s="53"/>
      <c r="H18" s="54"/>
      <c r="I18" s="55"/>
      <c r="J18" s="56"/>
      <c r="K18" s="57"/>
      <c r="L18" s="58"/>
      <c r="M18" s="59"/>
      <c r="O18" s="50"/>
      <c r="P18" s="50"/>
    </row>
    <row r="19" spans="1:16" s="44" customFormat="1" ht="30" customHeight="1" x14ac:dyDescent="0.25">
      <c r="A19" s="51" t="s">
        <v>36</v>
      </c>
      <c r="B19" s="52" t="s">
        <v>319</v>
      </c>
      <c r="C19" s="114" t="s">
        <v>46</v>
      </c>
      <c r="D19" s="119">
        <v>40</v>
      </c>
      <c r="E19" s="53"/>
      <c r="F19" s="53"/>
      <c r="G19" s="53"/>
      <c r="H19" s="54"/>
      <c r="I19" s="55"/>
      <c r="J19" s="56"/>
      <c r="K19" s="57"/>
      <c r="L19" s="58"/>
      <c r="M19" s="59"/>
      <c r="O19" s="50"/>
      <c r="P19" s="50"/>
    </row>
    <row r="20" spans="1:16" s="44" customFormat="1" ht="30" customHeight="1" x14ac:dyDescent="0.25">
      <c r="A20" s="51" t="s">
        <v>37</v>
      </c>
      <c r="B20" s="52" t="s">
        <v>320</v>
      </c>
      <c r="C20" s="114" t="s">
        <v>46</v>
      </c>
      <c r="D20" s="119">
        <v>40</v>
      </c>
      <c r="E20" s="53"/>
      <c r="F20" s="53"/>
      <c r="G20" s="53"/>
      <c r="H20" s="54"/>
      <c r="I20" s="55"/>
      <c r="J20" s="56"/>
      <c r="K20" s="57"/>
      <c r="L20" s="58"/>
      <c r="M20" s="59"/>
      <c r="O20" s="50"/>
      <c r="P20" s="50"/>
    </row>
    <row r="21" spans="1:16" s="44" customFormat="1" ht="30" customHeight="1" x14ac:dyDescent="0.25">
      <c r="A21" s="51" t="s">
        <v>38</v>
      </c>
      <c r="B21" s="52" t="s">
        <v>321</v>
      </c>
      <c r="C21" s="114" t="s">
        <v>46</v>
      </c>
      <c r="D21" s="119">
        <v>60</v>
      </c>
      <c r="E21" s="53"/>
      <c r="F21" s="53"/>
      <c r="G21" s="53"/>
      <c r="H21" s="54"/>
      <c r="I21" s="55"/>
      <c r="J21" s="56"/>
      <c r="K21" s="57"/>
      <c r="L21" s="58"/>
      <c r="M21" s="59"/>
      <c r="O21" s="50"/>
      <c r="P21" s="50"/>
    </row>
    <row r="22" spans="1:16" s="44" customFormat="1" ht="39.75" customHeight="1" x14ac:dyDescent="0.25">
      <c r="A22" s="51" t="s">
        <v>299</v>
      </c>
      <c r="B22" s="52" t="s">
        <v>322</v>
      </c>
      <c r="C22" s="114" t="s">
        <v>46</v>
      </c>
      <c r="D22" s="119">
        <v>90</v>
      </c>
      <c r="E22" s="53"/>
      <c r="F22" s="53"/>
      <c r="G22" s="53"/>
      <c r="H22" s="54"/>
      <c r="I22" s="55"/>
      <c r="J22" s="56"/>
      <c r="K22" s="57"/>
      <c r="L22" s="58"/>
      <c r="M22" s="59"/>
      <c r="O22" s="50"/>
      <c r="P22" s="50"/>
    </row>
    <row r="23" spans="1:16" s="44" customFormat="1" ht="30" customHeight="1" x14ac:dyDescent="0.25">
      <c r="A23" s="51" t="s">
        <v>300</v>
      </c>
      <c r="B23" s="52" t="s">
        <v>323</v>
      </c>
      <c r="C23" s="114" t="s">
        <v>46</v>
      </c>
      <c r="D23" s="119">
        <v>20</v>
      </c>
      <c r="E23" s="53"/>
      <c r="F23" s="53"/>
      <c r="G23" s="53"/>
      <c r="H23" s="54"/>
      <c r="I23" s="55"/>
      <c r="J23" s="56"/>
      <c r="K23" s="57"/>
      <c r="L23" s="58"/>
      <c r="M23" s="59"/>
      <c r="O23" s="50"/>
      <c r="P23" s="50"/>
    </row>
    <row r="24" spans="1:16" s="44" customFormat="1" ht="30" customHeight="1" x14ac:dyDescent="0.25">
      <c r="A24" s="51" t="s">
        <v>301</v>
      </c>
      <c r="B24" s="52" t="s">
        <v>324</v>
      </c>
      <c r="C24" s="114" t="s">
        <v>46</v>
      </c>
      <c r="D24" s="119">
        <v>20</v>
      </c>
      <c r="E24" s="53"/>
      <c r="F24" s="53"/>
      <c r="G24" s="53"/>
      <c r="H24" s="54"/>
      <c r="I24" s="55"/>
      <c r="J24" s="56"/>
      <c r="K24" s="57"/>
      <c r="L24" s="58"/>
      <c r="M24" s="59"/>
      <c r="O24" s="50"/>
      <c r="P24" s="50"/>
    </row>
    <row r="25" spans="1:16" s="44" customFormat="1" ht="50.1" customHeight="1" x14ac:dyDescent="0.25">
      <c r="A25" s="51" t="s">
        <v>302</v>
      </c>
      <c r="B25" s="52" t="s">
        <v>325</v>
      </c>
      <c r="C25" s="114" t="s">
        <v>46</v>
      </c>
      <c r="D25" s="119">
        <v>20</v>
      </c>
      <c r="E25" s="53"/>
      <c r="F25" s="53"/>
      <c r="G25" s="53"/>
      <c r="H25" s="54"/>
      <c r="I25" s="55"/>
      <c r="J25" s="56"/>
      <c r="K25" s="57"/>
      <c r="L25" s="58"/>
      <c r="M25" s="59"/>
      <c r="O25" s="50"/>
      <c r="P25" s="50"/>
    </row>
    <row r="26" spans="1:16" s="44" customFormat="1" ht="30" customHeight="1" x14ac:dyDescent="0.25">
      <c r="A26" s="51" t="s">
        <v>303</v>
      </c>
      <c r="B26" s="52" t="s">
        <v>326</v>
      </c>
      <c r="C26" s="114" t="s">
        <v>46</v>
      </c>
      <c r="D26" s="119">
        <v>20</v>
      </c>
      <c r="E26" s="53"/>
      <c r="F26" s="53"/>
      <c r="G26" s="53"/>
      <c r="H26" s="54"/>
      <c r="I26" s="55"/>
      <c r="J26" s="56"/>
      <c r="K26" s="57"/>
      <c r="L26" s="58"/>
      <c r="M26" s="59"/>
      <c r="O26" s="50"/>
      <c r="P26" s="50"/>
    </row>
    <row r="27" spans="1:16" s="44" customFormat="1" ht="30" customHeight="1" x14ac:dyDescent="0.25">
      <c r="A27" s="51" t="s">
        <v>304</v>
      </c>
      <c r="B27" s="52" t="s">
        <v>327</v>
      </c>
      <c r="C27" s="114" t="s">
        <v>46</v>
      </c>
      <c r="D27" s="119">
        <v>800</v>
      </c>
      <c r="E27" s="53"/>
      <c r="F27" s="53"/>
      <c r="G27" s="53"/>
      <c r="H27" s="54"/>
      <c r="I27" s="55"/>
      <c r="J27" s="56"/>
      <c r="K27" s="57"/>
      <c r="L27" s="58"/>
      <c r="M27" s="59"/>
      <c r="O27" s="50"/>
      <c r="P27" s="50"/>
    </row>
    <row r="28" spans="1:16" s="44" customFormat="1" ht="30" customHeight="1" x14ac:dyDescent="0.25">
      <c r="A28" s="51" t="s">
        <v>305</v>
      </c>
      <c r="B28" s="52" t="s">
        <v>328</v>
      </c>
      <c r="C28" s="114" t="s">
        <v>46</v>
      </c>
      <c r="D28" s="119">
        <v>200</v>
      </c>
      <c r="E28" s="53"/>
      <c r="F28" s="53"/>
      <c r="G28" s="53"/>
      <c r="H28" s="54"/>
      <c r="I28" s="55"/>
      <c r="J28" s="56"/>
      <c r="K28" s="57"/>
      <c r="L28" s="58"/>
      <c r="M28" s="59"/>
      <c r="O28" s="50"/>
      <c r="P28" s="50"/>
    </row>
    <row r="29" spans="1:16" s="44" customFormat="1" ht="30" customHeight="1" x14ac:dyDescent="0.25">
      <c r="A29" s="51" t="s">
        <v>306</v>
      </c>
      <c r="B29" s="52" t="s">
        <v>329</v>
      </c>
      <c r="C29" s="114" t="s">
        <v>46</v>
      </c>
      <c r="D29" s="119">
        <v>20</v>
      </c>
      <c r="E29" s="53"/>
      <c r="F29" s="53"/>
      <c r="G29" s="53"/>
      <c r="H29" s="54"/>
      <c r="I29" s="55"/>
      <c r="J29" s="56"/>
      <c r="K29" s="57"/>
      <c r="L29" s="58"/>
      <c r="M29" s="59"/>
      <c r="O29" s="50"/>
      <c r="P29" s="50"/>
    </row>
    <row r="30" spans="1:16" s="44" customFormat="1" ht="30" customHeight="1" thickBot="1" x14ac:dyDescent="0.3">
      <c r="A30" s="51" t="s">
        <v>307</v>
      </c>
      <c r="B30" s="52" t="s">
        <v>330</v>
      </c>
      <c r="C30" s="114" t="s">
        <v>46</v>
      </c>
      <c r="D30" s="119">
        <v>20</v>
      </c>
      <c r="E30" s="53"/>
      <c r="F30" s="53"/>
      <c r="G30" s="53"/>
      <c r="H30" s="54"/>
      <c r="I30" s="55"/>
      <c r="J30" s="56"/>
      <c r="K30" s="57"/>
      <c r="L30" s="58"/>
      <c r="M30" s="59"/>
      <c r="O30" s="50"/>
      <c r="P30" s="50"/>
    </row>
    <row r="31" spans="1:16" s="45" customFormat="1" ht="33" customHeight="1" thickBot="1" x14ac:dyDescent="0.3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98">
        <f>SUM(L9:L30)</f>
        <v>0</v>
      </c>
      <c r="M31" s="116">
        <f>SUM(M9:M30)</f>
        <v>0</v>
      </c>
      <c r="O31" s="63"/>
      <c r="P31" s="63"/>
    </row>
    <row r="32" spans="1:16" s="46" customFormat="1" ht="29.25" customHeight="1" x14ac:dyDescent="0.25">
      <c r="A32" s="139" t="s">
        <v>331</v>
      </c>
      <c r="B32" s="139"/>
      <c r="C32" s="139"/>
      <c r="D32" s="139"/>
      <c r="E32" s="139"/>
      <c r="F32" s="139"/>
      <c r="G32" s="139"/>
      <c r="H32" s="139"/>
      <c r="I32" s="139"/>
      <c r="J32" s="139"/>
      <c r="K32" s="139"/>
      <c r="L32" s="64"/>
      <c r="M32" s="64"/>
      <c r="N32" s="64"/>
      <c r="O32" s="64"/>
      <c r="P32" s="64"/>
    </row>
    <row r="33" spans="1:62" s="39" customFormat="1" ht="33" customHeight="1" x14ac:dyDescent="0.25">
      <c r="A33" s="128" t="s">
        <v>24</v>
      </c>
      <c r="B33" s="128" t="s">
        <v>39</v>
      </c>
      <c r="C33" s="128" t="s">
        <v>40</v>
      </c>
      <c r="D33" s="128" t="s">
        <v>30</v>
      </c>
      <c r="E33" s="128" t="s">
        <v>32</v>
      </c>
      <c r="F33" s="128" t="s">
        <v>41</v>
      </c>
      <c r="G33" s="128" t="s">
        <v>42</v>
      </c>
      <c r="H33" s="130" t="s">
        <v>45</v>
      </c>
      <c r="I33" s="131"/>
      <c r="J33" s="131"/>
      <c r="K33" s="132" t="s">
        <v>53</v>
      </c>
      <c r="L33" s="134"/>
      <c r="M33" s="134"/>
      <c r="N33" s="47"/>
      <c r="O33" s="47"/>
      <c r="P33" s="47"/>
    </row>
    <row r="34" spans="1:62" s="39" customFormat="1" ht="22.5" customHeight="1" x14ac:dyDescent="0.25">
      <c r="A34" s="129"/>
      <c r="B34" s="129"/>
      <c r="C34" s="129"/>
      <c r="D34" s="129"/>
      <c r="E34" s="129"/>
      <c r="F34" s="129"/>
      <c r="G34" s="129"/>
      <c r="H34" s="48" t="s">
        <v>26</v>
      </c>
      <c r="I34" s="49" t="s">
        <v>27</v>
      </c>
      <c r="J34" s="92" t="s">
        <v>28</v>
      </c>
      <c r="K34" s="133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35" t="s">
        <v>173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36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37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39" t="s">
        <v>332</v>
      </c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64"/>
      <c r="M40" s="64"/>
      <c r="N40" s="64"/>
      <c r="O40" s="64"/>
      <c r="P40" s="64"/>
    </row>
    <row r="41" spans="1:62" s="39" customFormat="1" ht="33" customHeight="1" x14ac:dyDescent="0.25">
      <c r="A41" s="128" t="s">
        <v>24</v>
      </c>
      <c r="B41" s="128" t="s">
        <v>39</v>
      </c>
      <c r="C41" s="128" t="s">
        <v>40</v>
      </c>
      <c r="D41" s="128" t="s">
        <v>30</v>
      </c>
      <c r="E41" s="128" t="s">
        <v>32</v>
      </c>
      <c r="F41" s="128" t="s">
        <v>41</v>
      </c>
      <c r="G41" s="128" t="s">
        <v>42</v>
      </c>
      <c r="H41" s="130" t="s">
        <v>45</v>
      </c>
      <c r="I41" s="131"/>
      <c r="J41" s="131"/>
      <c r="K41" s="132" t="s">
        <v>53</v>
      </c>
      <c r="L41" s="134"/>
      <c r="M41" s="134"/>
      <c r="N41" s="47"/>
      <c r="O41" s="47"/>
      <c r="P41" s="47"/>
    </row>
    <row r="42" spans="1:62" s="39" customFormat="1" ht="22.5" customHeight="1" x14ac:dyDescent="0.25">
      <c r="A42" s="129"/>
      <c r="B42" s="129"/>
      <c r="C42" s="129"/>
      <c r="D42" s="129"/>
      <c r="E42" s="129"/>
      <c r="F42" s="129"/>
      <c r="G42" s="129"/>
      <c r="H42" s="48" t="s">
        <v>26</v>
      </c>
      <c r="I42" s="49" t="s">
        <v>27</v>
      </c>
      <c r="J42" s="92" t="s">
        <v>28</v>
      </c>
      <c r="K42" s="133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35" t="s">
        <v>165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36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37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39" t="s">
        <v>333</v>
      </c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64"/>
      <c r="M48" s="64"/>
      <c r="N48" s="64"/>
      <c r="O48" s="64"/>
      <c r="P48" s="64"/>
    </row>
    <row r="49" spans="1:62" s="39" customFormat="1" ht="33" customHeight="1" x14ac:dyDescent="0.25">
      <c r="A49" s="128" t="s">
        <v>24</v>
      </c>
      <c r="B49" s="128" t="s">
        <v>39</v>
      </c>
      <c r="C49" s="128" t="s">
        <v>40</v>
      </c>
      <c r="D49" s="128" t="s">
        <v>30</v>
      </c>
      <c r="E49" s="128" t="s">
        <v>32</v>
      </c>
      <c r="F49" s="128" t="s">
        <v>41</v>
      </c>
      <c r="G49" s="128" t="s">
        <v>42</v>
      </c>
      <c r="H49" s="130" t="s">
        <v>45</v>
      </c>
      <c r="I49" s="131"/>
      <c r="J49" s="131"/>
      <c r="K49" s="132" t="s">
        <v>53</v>
      </c>
      <c r="L49" s="134"/>
      <c r="M49" s="134"/>
      <c r="N49" s="47"/>
      <c r="O49" s="47"/>
      <c r="P49" s="47"/>
    </row>
    <row r="50" spans="1:62" s="39" customFormat="1" ht="22.5" customHeight="1" x14ac:dyDescent="0.25">
      <c r="A50" s="129"/>
      <c r="B50" s="129"/>
      <c r="C50" s="129"/>
      <c r="D50" s="129"/>
      <c r="E50" s="129"/>
      <c r="F50" s="129"/>
      <c r="G50" s="129"/>
      <c r="H50" s="48" t="s">
        <v>26</v>
      </c>
      <c r="I50" s="49" t="s">
        <v>27</v>
      </c>
      <c r="J50" s="92" t="s">
        <v>28</v>
      </c>
      <c r="K50" s="133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35" t="s">
        <v>173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36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37"/>
      <c r="L54" s="97"/>
      <c r="M54" s="97"/>
      <c r="N54" s="50"/>
      <c r="O54" s="50"/>
      <c r="P54" s="50"/>
    </row>
    <row r="55" spans="1:62" s="13" customFormat="1" ht="15.75" customHeight="1" x14ac:dyDescent="0.2">
      <c r="A55" s="23"/>
      <c r="B55" s="23"/>
      <c r="C55" s="10"/>
      <c r="D55" s="41"/>
      <c r="F55" s="14"/>
      <c r="G55" s="14"/>
      <c r="H55" s="14"/>
      <c r="I55" s="14"/>
      <c r="J55" s="26"/>
      <c r="K55" s="26"/>
      <c r="L55" s="26"/>
      <c r="M55" s="26"/>
    </row>
    <row r="56" spans="1:62" s="46" customFormat="1" ht="29.25" customHeight="1" x14ac:dyDescent="0.25">
      <c r="A56" s="139" t="s">
        <v>334</v>
      </c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64"/>
      <c r="M56" s="64"/>
      <c r="N56" s="64"/>
      <c r="O56" s="64"/>
      <c r="P56" s="64"/>
    </row>
    <row r="57" spans="1:62" s="39" customFormat="1" ht="33" customHeight="1" x14ac:dyDescent="0.25">
      <c r="A57" s="128" t="s">
        <v>24</v>
      </c>
      <c r="B57" s="128" t="s">
        <v>39</v>
      </c>
      <c r="C57" s="128" t="s">
        <v>40</v>
      </c>
      <c r="D57" s="128" t="s">
        <v>30</v>
      </c>
      <c r="E57" s="128" t="s">
        <v>32</v>
      </c>
      <c r="F57" s="128" t="s">
        <v>41</v>
      </c>
      <c r="G57" s="128" t="s">
        <v>42</v>
      </c>
      <c r="H57" s="130" t="s">
        <v>45</v>
      </c>
      <c r="I57" s="131"/>
      <c r="J57" s="131"/>
      <c r="K57" s="132" t="s">
        <v>53</v>
      </c>
      <c r="L57" s="134"/>
      <c r="M57" s="134"/>
      <c r="N57" s="47"/>
      <c r="O57" s="47"/>
      <c r="P57" s="47"/>
    </row>
    <row r="58" spans="1:62" s="39" customFormat="1" ht="22.5" customHeight="1" x14ac:dyDescent="0.25">
      <c r="A58" s="129"/>
      <c r="B58" s="129"/>
      <c r="C58" s="129"/>
      <c r="D58" s="129"/>
      <c r="E58" s="129"/>
      <c r="F58" s="129"/>
      <c r="G58" s="129"/>
      <c r="H58" s="48" t="s">
        <v>26</v>
      </c>
      <c r="I58" s="49" t="s">
        <v>27</v>
      </c>
      <c r="J58" s="92" t="s">
        <v>28</v>
      </c>
      <c r="K58" s="133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35" t="s">
        <v>500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36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37"/>
      <c r="L62" s="97"/>
      <c r="M62" s="97"/>
      <c r="N62" s="50"/>
      <c r="O62" s="50"/>
      <c r="P62" s="50"/>
    </row>
    <row r="63" spans="1:62" s="45" customFormat="1" ht="33" customHeight="1" x14ac:dyDescent="0.25">
      <c r="A63" s="60"/>
      <c r="B63" s="61"/>
      <c r="C63" s="61"/>
      <c r="D63" s="61"/>
      <c r="E63" s="62"/>
      <c r="F63" s="62"/>
      <c r="G63" s="62"/>
      <c r="H63" s="62"/>
      <c r="I63" s="61"/>
      <c r="J63" s="61"/>
      <c r="K63" s="61"/>
      <c r="L63" s="127"/>
      <c r="M63" s="127"/>
      <c r="O63" s="63"/>
      <c r="P63" s="63"/>
    </row>
    <row r="64" spans="1:62" s="46" customFormat="1" ht="29.25" customHeight="1" x14ac:dyDescent="0.25">
      <c r="A64" s="139" t="s">
        <v>335</v>
      </c>
      <c r="B64" s="139"/>
      <c r="C64" s="139"/>
      <c r="D64" s="139"/>
      <c r="E64" s="139"/>
      <c r="F64" s="139"/>
      <c r="G64" s="139"/>
      <c r="H64" s="139"/>
      <c r="I64" s="139"/>
      <c r="J64" s="139"/>
      <c r="K64" s="139"/>
      <c r="L64" s="64"/>
      <c r="M64" s="64"/>
      <c r="N64" s="64"/>
      <c r="O64" s="64"/>
      <c r="P64" s="64"/>
    </row>
    <row r="65" spans="1:62" s="39" customFormat="1" ht="33" customHeight="1" x14ac:dyDescent="0.25">
      <c r="A65" s="128" t="s">
        <v>24</v>
      </c>
      <c r="B65" s="128" t="s">
        <v>39</v>
      </c>
      <c r="C65" s="128" t="s">
        <v>40</v>
      </c>
      <c r="D65" s="128" t="s">
        <v>30</v>
      </c>
      <c r="E65" s="128" t="s">
        <v>32</v>
      </c>
      <c r="F65" s="128" t="s">
        <v>41</v>
      </c>
      <c r="G65" s="128" t="s">
        <v>42</v>
      </c>
      <c r="H65" s="130" t="s">
        <v>45</v>
      </c>
      <c r="I65" s="131"/>
      <c r="J65" s="131"/>
      <c r="K65" s="132" t="s">
        <v>53</v>
      </c>
      <c r="L65" s="134"/>
      <c r="M65" s="134"/>
      <c r="N65" s="47"/>
      <c r="O65" s="47"/>
      <c r="P65" s="47"/>
    </row>
    <row r="66" spans="1:62" s="39" customFormat="1" ht="22.5" customHeight="1" x14ac:dyDescent="0.25">
      <c r="A66" s="129"/>
      <c r="B66" s="129"/>
      <c r="C66" s="129"/>
      <c r="D66" s="129"/>
      <c r="E66" s="129"/>
      <c r="F66" s="129"/>
      <c r="G66" s="129"/>
      <c r="H66" s="48" t="s">
        <v>26</v>
      </c>
      <c r="I66" s="49" t="s">
        <v>27</v>
      </c>
      <c r="J66" s="92" t="s">
        <v>28</v>
      </c>
      <c r="K66" s="133"/>
      <c r="L66" s="96"/>
      <c r="M66" s="96"/>
      <c r="N66" s="47"/>
      <c r="O66" s="47"/>
      <c r="P66" s="47"/>
    </row>
    <row r="67" spans="1:62" s="111" customFormat="1" ht="14.1" customHeight="1" x14ac:dyDescent="0.25">
      <c r="A67" s="102" t="s">
        <v>0</v>
      </c>
      <c r="B67" s="103" t="s">
        <v>12</v>
      </c>
      <c r="C67" s="103" t="s">
        <v>13</v>
      </c>
      <c r="D67" s="103" t="s">
        <v>14</v>
      </c>
      <c r="E67" s="112" t="s">
        <v>15</v>
      </c>
      <c r="F67" s="104" t="s">
        <v>16</v>
      </c>
      <c r="G67" s="99" t="s">
        <v>17</v>
      </c>
      <c r="H67" s="105" t="s">
        <v>18</v>
      </c>
      <c r="I67" s="106" t="s">
        <v>19</v>
      </c>
      <c r="J67" s="107" t="s">
        <v>35</v>
      </c>
      <c r="K67" s="108" t="s">
        <v>36</v>
      </c>
      <c r="L67" s="117"/>
      <c r="M67" s="117"/>
      <c r="N67" s="109"/>
      <c r="O67" s="109"/>
      <c r="P67" s="109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0"/>
      <c r="AN67" s="110"/>
      <c r="AO67" s="110"/>
      <c r="AP67" s="110"/>
      <c r="AQ67" s="110"/>
      <c r="AR67" s="110"/>
      <c r="AS67" s="110"/>
      <c r="AT67" s="110"/>
      <c r="AU67" s="110"/>
      <c r="AV67" s="110"/>
      <c r="AW67" s="110"/>
      <c r="AX67" s="110"/>
      <c r="AY67" s="110"/>
      <c r="AZ67" s="110"/>
      <c r="BA67" s="110"/>
      <c r="BB67" s="110"/>
      <c r="BC67" s="110"/>
      <c r="BD67" s="110"/>
      <c r="BE67" s="110"/>
      <c r="BF67" s="110"/>
      <c r="BG67" s="110"/>
      <c r="BH67" s="110"/>
      <c r="BI67" s="110"/>
      <c r="BJ67" s="110"/>
    </row>
    <row r="68" spans="1:62" s="40" customFormat="1" ht="33" customHeight="1" x14ac:dyDescent="0.25">
      <c r="A68" s="86" t="s">
        <v>0</v>
      </c>
      <c r="B68" s="65"/>
      <c r="C68" s="66"/>
      <c r="D68" s="84"/>
      <c r="E68" s="84"/>
      <c r="F68" s="84"/>
      <c r="G68" s="84"/>
      <c r="H68" s="67"/>
      <c r="I68" s="68"/>
      <c r="J68" s="93"/>
      <c r="K68" s="135" t="s">
        <v>296</v>
      </c>
      <c r="L68" s="97"/>
      <c r="M68" s="97"/>
      <c r="N68" s="50"/>
      <c r="O68" s="50"/>
      <c r="P68" s="50"/>
    </row>
    <row r="69" spans="1:62" s="40" customFormat="1" ht="33" customHeight="1" x14ac:dyDescent="0.25">
      <c r="A69" s="85" t="s">
        <v>12</v>
      </c>
      <c r="B69" s="69"/>
      <c r="C69" s="70"/>
      <c r="D69" s="85"/>
      <c r="E69" s="85"/>
      <c r="F69" s="85"/>
      <c r="G69" s="86"/>
      <c r="H69" s="71"/>
      <c r="I69" s="72"/>
      <c r="J69" s="94"/>
      <c r="K69" s="136"/>
      <c r="L69" s="97"/>
      <c r="M69" s="97"/>
      <c r="N69" s="50"/>
      <c r="O69" s="50"/>
      <c r="P69" s="50"/>
    </row>
    <row r="70" spans="1:62" s="40" customFormat="1" ht="33" customHeight="1" x14ac:dyDescent="0.25">
      <c r="A70" s="87" t="s">
        <v>13</v>
      </c>
      <c r="B70" s="88"/>
      <c r="C70" s="89"/>
      <c r="D70" s="87"/>
      <c r="E70" s="87"/>
      <c r="F70" s="87"/>
      <c r="G70" s="87"/>
      <c r="H70" s="90"/>
      <c r="I70" s="91"/>
      <c r="J70" s="95"/>
      <c r="K70" s="137"/>
      <c r="L70" s="97"/>
      <c r="M70" s="97"/>
      <c r="N70" s="50"/>
      <c r="O70" s="50"/>
      <c r="P70" s="50"/>
    </row>
    <row r="71" spans="1:62" s="45" customFormat="1" ht="33" customHeight="1" x14ac:dyDescent="0.25">
      <c r="A71" s="60"/>
      <c r="B71" s="61"/>
      <c r="C71" s="61"/>
      <c r="D71" s="61"/>
      <c r="E71" s="62"/>
      <c r="F71" s="62"/>
      <c r="G71" s="62"/>
      <c r="H71" s="62"/>
      <c r="I71" s="61"/>
      <c r="J71" s="61"/>
      <c r="K71" s="61"/>
      <c r="L71" s="127"/>
      <c r="M71" s="127"/>
      <c r="O71" s="63"/>
      <c r="P71" s="63"/>
    </row>
    <row r="72" spans="1:62" s="46" customFormat="1" ht="29.25" customHeight="1" x14ac:dyDescent="0.25">
      <c r="A72" s="139" t="s">
        <v>336</v>
      </c>
      <c r="B72" s="139"/>
      <c r="C72" s="139"/>
      <c r="D72" s="139"/>
      <c r="E72" s="139"/>
      <c r="F72" s="139"/>
      <c r="G72" s="139"/>
      <c r="H72" s="139"/>
      <c r="I72" s="139"/>
      <c r="J72" s="139"/>
      <c r="K72" s="139"/>
      <c r="L72" s="64"/>
      <c r="M72" s="64"/>
      <c r="N72" s="64"/>
      <c r="O72" s="64"/>
      <c r="P72" s="64"/>
    </row>
    <row r="73" spans="1:62" s="39" customFormat="1" ht="33" customHeight="1" x14ac:dyDescent="0.25">
      <c r="A73" s="128" t="s">
        <v>24</v>
      </c>
      <c r="B73" s="128" t="s">
        <v>39</v>
      </c>
      <c r="C73" s="128" t="s">
        <v>40</v>
      </c>
      <c r="D73" s="128" t="s">
        <v>30</v>
      </c>
      <c r="E73" s="128" t="s">
        <v>32</v>
      </c>
      <c r="F73" s="128" t="s">
        <v>41</v>
      </c>
      <c r="G73" s="128" t="s">
        <v>42</v>
      </c>
      <c r="H73" s="130" t="s">
        <v>45</v>
      </c>
      <c r="I73" s="131"/>
      <c r="J73" s="131"/>
      <c r="K73" s="132" t="s">
        <v>53</v>
      </c>
      <c r="L73" s="134"/>
      <c r="M73" s="134"/>
      <c r="N73" s="47"/>
      <c r="O73" s="47"/>
      <c r="P73" s="47"/>
    </row>
    <row r="74" spans="1:62" s="39" customFormat="1" ht="22.5" customHeight="1" x14ac:dyDescent="0.25">
      <c r="A74" s="129"/>
      <c r="B74" s="129"/>
      <c r="C74" s="129"/>
      <c r="D74" s="129"/>
      <c r="E74" s="129"/>
      <c r="F74" s="129"/>
      <c r="G74" s="129"/>
      <c r="H74" s="48" t="s">
        <v>26</v>
      </c>
      <c r="I74" s="49" t="s">
        <v>27</v>
      </c>
      <c r="J74" s="92" t="s">
        <v>28</v>
      </c>
      <c r="K74" s="133"/>
      <c r="L74" s="96"/>
      <c r="M74" s="96"/>
      <c r="N74" s="47"/>
      <c r="O74" s="47"/>
      <c r="P74" s="47"/>
    </row>
    <row r="75" spans="1:62" s="111" customFormat="1" ht="14.1" customHeight="1" x14ac:dyDescent="0.25">
      <c r="A75" s="102" t="s">
        <v>0</v>
      </c>
      <c r="B75" s="103" t="s">
        <v>12</v>
      </c>
      <c r="C75" s="103" t="s">
        <v>13</v>
      </c>
      <c r="D75" s="103" t="s">
        <v>14</v>
      </c>
      <c r="E75" s="112" t="s">
        <v>15</v>
      </c>
      <c r="F75" s="104" t="s">
        <v>16</v>
      </c>
      <c r="G75" s="99" t="s">
        <v>17</v>
      </c>
      <c r="H75" s="105" t="s">
        <v>18</v>
      </c>
      <c r="I75" s="106" t="s">
        <v>19</v>
      </c>
      <c r="J75" s="107" t="s">
        <v>35</v>
      </c>
      <c r="K75" s="108" t="s">
        <v>36</v>
      </c>
      <c r="L75" s="117"/>
      <c r="M75" s="117"/>
      <c r="N75" s="109"/>
      <c r="O75" s="109"/>
      <c r="P75" s="109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0"/>
      <c r="AP75" s="110"/>
      <c r="AQ75" s="110"/>
      <c r="AR75" s="110"/>
      <c r="AS75" s="110"/>
      <c r="AT75" s="110"/>
      <c r="AU75" s="110"/>
      <c r="AV75" s="110"/>
      <c r="AW75" s="110"/>
      <c r="AX75" s="110"/>
      <c r="AY75" s="110"/>
      <c r="AZ75" s="110"/>
      <c r="BA75" s="110"/>
      <c r="BB75" s="110"/>
      <c r="BC75" s="110"/>
      <c r="BD75" s="110"/>
      <c r="BE75" s="110"/>
      <c r="BF75" s="110"/>
      <c r="BG75" s="110"/>
      <c r="BH75" s="110"/>
      <c r="BI75" s="110"/>
      <c r="BJ75" s="110"/>
    </row>
    <row r="76" spans="1:62" s="40" customFormat="1" ht="33" customHeight="1" x14ac:dyDescent="0.25">
      <c r="A76" s="86" t="s">
        <v>0</v>
      </c>
      <c r="B76" s="65"/>
      <c r="C76" s="66"/>
      <c r="D76" s="84"/>
      <c r="E76" s="84"/>
      <c r="F76" s="84"/>
      <c r="G76" s="84"/>
      <c r="H76" s="67"/>
      <c r="I76" s="68"/>
      <c r="J76" s="93"/>
      <c r="K76" s="135" t="s">
        <v>218</v>
      </c>
      <c r="L76" s="97"/>
      <c r="M76" s="97"/>
      <c r="N76" s="50"/>
      <c r="O76" s="50"/>
      <c r="P76" s="50"/>
    </row>
    <row r="77" spans="1:62" s="40" customFormat="1" ht="33" customHeight="1" x14ac:dyDescent="0.25">
      <c r="A77" s="85" t="s">
        <v>12</v>
      </c>
      <c r="B77" s="69"/>
      <c r="C77" s="70"/>
      <c r="D77" s="85"/>
      <c r="E77" s="85"/>
      <c r="F77" s="85"/>
      <c r="G77" s="86"/>
      <c r="H77" s="71"/>
      <c r="I77" s="72"/>
      <c r="J77" s="94"/>
      <c r="K77" s="136"/>
      <c r="L77" s="97"/>
      <c r="M77" s="97"/>
      <c r="N77" s="50"/>
      <c r="O77" s="50"/>
      <c r="P77" s="50"/>
    </row>
    <row r="78" spans="1:62" s="40" customFormat="1" ht="33" customHeight="1" x14ac:dyDescent="0.25">
      <c r="A78" s="87" t="s">
        <v>13</v>
      </c>
      <c r="B78" s="88"/>
      <c r="C78" s="89"/>
      <c r="D78" s="87"/>
      <c r="E78" s="87"/>
      <c r="F78" s="87"/>
      <c r="G78" s="87"/>
      <c r="H78" s="90"/>
      <c r="I78" s="91"/>
      <c r="J78" s="95"/>
      <c r="K78" s="137"/>
      <c r="L78" s="97"/>
      <c r="M78" s="97"/>
      <c r="N78" s="50"/>
      <c r="O78" s="50"/>
      <c r="P78" s="50"/>
    </row>
    <row r="79" spans="1:62" s="13" customFormat="1" ht="15.75" customHeight="1" x14ac:dyDescent="0.2">
      <c r="A79" s="23"/>
      <c r="B79" s="23"/>
      <c r="C79" s="10"/>
      <c r="D79" s="41"/>
      <c r="F79" s="14"/>
      <c r="G79" s="14"/>
      <c r="H79" s="14"/>
      <c r="I79" s="14"/>
      <c r="J79" s="26"/>
      <c r="K79" s="26"/>
      <c r="L79" s="26"/>
      <c r="M79" s="26"/>
    </row>
    <row r="80" spans="1:62" s="46" customFormat="1" ht="29.25" customHeight="1" x14ac:dyDescent="0.25">
      <c r="A80" s="139" t="s">
        <v>337</v>
      </c>
      <c r="B80" s="139"/>
      <c r="C80" s="139"/>
      <c r="D80" s="139"/>
      <c r="E80" s="139"/>
      <c r="F80" s="139"/>
      <c r="G80" s="139"/>
      <c r="H80" s="139"/>
      <c r="I80" s="139"/>
      <c r="J80" s="139"/>
      <c r="K80" s="139"/>
      <c r="L80" s="64"/>
      <c r="M80" s="64"/>
      <c r="N80" s="64"/>
      <c r="O80" s="64"/>
      <c r="P80" s="64"/>
    </row>
    <row r="81" spans="1:62" s="39" customFormat="1" ht="33" customHeight="1" x14ac:dyDescent="0.25">
      <c r="A81" s="128" t="s">
        <v>24</v>
      </c>
      <c r="B81" s="128" t="s">
        <v>39</v>
      </c>
      <c r="C81" s="128" t="s">
        <v>40</v>
      </c>
      <c r="D81" s="128" t="s">
        <v>30</v>
      </c>
      <c r="E81" s="128" t="s">
        <v>32</v>
      </c>
      <c r="F81" s="128" t="s">
        <v>41</v>
      </c>
      <c r="G81" s="128" t="s">
        <v>42</v>
      </c>
      <c r="H81" s="130" t="s">
        <v>45</v>
      </c>
      <c r="I81" s="131"/>
      <c r="J81" s="131"/>
      <c r="K81" s="132" t="s">
        <v>53</v>
      </c>
      <c r="L81" s="134"/>
      <c r="M81" s="134"/>
      <c r="N81" s="47"/>
      <c r="O81" s="47"/>
      <c r="P81" s="47"/>
    </row>
    <row r="82" spans="1:62" s="39" customFormat="1" ht="22.5" customHeight="1" x14ac:dyDescent="0.25">
      <c r="A82" s="129"/>
      <c r="B82" s="129"/>
      <c r="C82" s="129"/>
      <c r="D82" s="129"/>
      <c r="E82" s="129"/>
      <c r="F82" s="129"/>
      <c r="G82" s="129"/>
      <c r="H82" s="48" t="s">
        <v>26</v>
      </c>
      <c r="I82" s="49" t="s">
        <v>27</v>
      </c>
      <c r="J82" s="92" t="s">
        <v>28</v>
      </c>
      <c r="K82" s="133"/>
      <c r="L82" s="96"/>
      <c r="M82" s="96"/>
      <c r="N82" s="47"/>
      <c r="O82" s="47"/>
      <c r="P82" s="47"/>
    </row>
    <row r="83" spans="1:62" s="111" customFormat="1" ht="14.1" customHeight="1" x14ac:dyDescent="0.25">
      <c r="A83" s="102" t="s">
        <v>0</v>
      </c>
      <c r="B83" s="103" t="s">
        <v>12</v>
      </c>
      <c r="C83" s="103" t="s">
        <v>13</v>
      </c>
      <c r="D83" s="103" t="s">
        <v>14</v>
      </c>
      <c r="E83" s="112" t="s">
        <v>15</v>
      </c>
      <c r="F83" s="104" t="s">
        <v>16</v>
      </c>
      <c r="G83" s="99" t="s">
        <v>17</v>
      </c>
      <c r="H83" s="105" t="s">
        <v>18</v>
      </c>
      <c r="I83" s="106" t="s">
        <v>19</v>
      </c>
      <c r="J83" s="107" t="s">
        <v>35</v>
      </c>
      <c r="K83" s="108" t="s">
        <v>36</v>
      </c>
      <c r="L83" s="117"/>
      <c r="M83" s="117"/>
      <c r="N83" s="109"/>
      <c r="O83" s="109"/>
      <c r="P83" s="109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0"/>
      <c r="AP83" s="110"/>
      <c r="AQ83" s="110"/>
      <c r="AR83" s="110"/>
      <c r="AS83" s="110"/>
      <c r="AT83" s="110"/>
      <c r="AU83" s="110"/>
      <c r="AV83" s="110"/>
      <c r="AW83" s="110"/>
      <c r="AX83" s="110"/>
      <c r="AY83" s="110"/>
      <c r="AZ83" s="110"/>
      <c r="BA83" s="110"/>
      <c r="BB83" s="110"/>
      <c r="BC83" s="110"/>
      <c r="BD83" s="110"/>
      <c r="BE83" s="110"/>
      <c r="BF83" s="110"/>
      <c r="BG83" s="110"/>
      <c r="BH83" s="110"/>
      <c r="BI83" s="110"/>
      <c r="BJ83" s="110"/>
    </row>
    <row r="84" spans="1:62" s="40" customFormat="1" ht="33" customHeight="1" x14ac:dyDescent="0.25">
      <c r="A84" s="86" t="s">
        <v>0</v>
      </c>
      <c r="B84" s="65"/>
      <c r="C84" s="66"/>
      <c r="D84" s="84"/>
      <c r="E84" s="84"/>
      <c r="F84" s="84"/>
      <c r="G84" s="84"/>
      <c r="H84" s="67"/>
      <c r="I84" s="68"/>
      <c r="J84" s="93"/>
      <c r="K84" s="135" t="s">
        <v>236</v>
      </c>
      <c r="L84" s="97"/>
      <c r="M84" s="97"/>
      <c r="N84" s="50"/>
      <c r="O84" s="50"/>
      <c r="P84" s="50"/>
    </row>
    <row r="85" spans="1:62" s="40" customFormat="1" ht="33" customHeight="1" x14ac:dyDescent="0.25">
      <c r="A85" s="85" t="s">
        <v>12</v>
      </c>
      <c r="B85" s="69"/>
      <c r="C85" s="70"/>
      <c r="D85" s="85"/>
      <c r="E85" s="85"/>
      <c r="F85" s="85"/>
      <c r="G85" s="86"/>
      <c r="H85" s="71"/>
      <c r="I85" s="72"/>
      <c r="J85" s="94"/>
      <c r="K85" s="136"/>
      <c r="L85" s="97"/>
      <c r="M85" s="97"/>
      <c r="N85" s="50"/>
      <c r="O85" s="50"/>
      <c r="P85" s="50"/>
    </row>
    <row r="86" spans="1:62" s="40" customFormat="1" ht="33" customHeight="1" x14ac:dyDescent="0.25">
      <c r="A86" s="87" t="s">
        <v>13</v>
      </c>
      <c r="B86" s="88"/>
      <c r="C86" s="89"/>
      <c r="D86" s="87"/>
      <c r="E86" s="87"/>
      <c r="F86" s="87"/>
      <c r="G86" s="87"/>
      <c r="H86" s="90"/>
      <c r="I86" s="91"/>
      <c r="J86" s="95"/>
      <c r="K86" s="137"/>
      <c r="L86" s="97"/>
      <c r="M86" s="97"/>
      <c r="N86" s="50"/>
      <c r="O86" s="50"/>
      <c r="P86" s="50"/>
    </row>
    <row r="87" spans="1:62" s="45" customFormat="1" ht="33" customHeight="1" x14ac:dyDescent="0.25">
      <c r="A87" s="60"/>
      <c r="B87" s="61"/>
      <c r="C87" s="61"/>
      <c r="D87" s="61"/>
      <c r="E87" s="62"/>
      <c r="F87" s="62"/>
      <c r="G87" s="62"/>
      <c r="H87" s="62"/>
      <c r="I87" s="61"/>
      <c r="J87" s="61"/>
      <c r="K87" s="61"/>
      <c r="L87" s="127"/>
      <c r="M87" s="127"/>
      <c r="O87" s="63"/>
      <c r="P87" s="63"/>
    </row>
    <row r="88" spans="1:62" s="46" customFormat="1" ht="29.25" customHeight="1" x14ac:dyDescent="0.25">
      <c r="A88" s="139" t="s">
        <v>338</v>
      </c>
      <c r="B88" s="139"/>
      <c r="C88" s="139"/>
      <c r="D88" s="139"/>
      <c r="E88" s="139"/>
      <c r="F88" s="139"/>
      <c r="G88" s="139"/>
      <c r="H88" s="139"/>
      <c r="I88" s="139"/>
      <c r="J88" s="139"/>
      <c r="K88" s="139"/>
      <c r="L88" s="64"/>
      <c r="M88" s="64"/>
      <c r="N88" s="64"/>
      <c r="O88" s="64"/>
      <c r="P88" s="64"/>
    </row>
    <row r="89" spans="1:62" s="39" customFormat="1" ht="33" customHeight="1" x14ac:dyDescent="0.25">
      <c r="A89" s="128" t="s">
        <v>24</v>
      </c>
      <c r="B89" s="128" t="s">
        <v>39</v>
      </c>
      <c r="C89" s="128" t="s">
        <v>40</v>
      </c>
      <c r="D89" s="128" t="s">
        <v>30</v>
      </c>
      <c r="E89" s="128" t="s">
        <v>32</v>
      </c>
      <c r="F89" s="128" t="s">
        <v>41</v>
      </c>
      <c r="G89" s="128" t="s">
        <v>42</v>
      </c>
      <c r="H89" s="130" t="s">
        <v>45</v>
      </c>
      <c r="I89" s="131"/>
      <c r="J89" s="131"/>
      <c r="K89" s="132" t="s">
        <v>53</v>
      </c>
      <c r="L89" s="134"/>
      <c r="M89" s="134"/>
      <c r="N89" s="47"/>
      <c r="O89" s="47"/>
      <c r="P89" s="47"/>
    </row>
    <row r="90" spans="1:62" s="39" customFormat="1" ht="22.5" customHeight="1" x14ac:dyDescent="0.25">
      <c r="A90" s="129"/>
      <c r="B90" s="129"/>
      <c r="C90" s="129"/>
      <c r="D90" s="129"/>
      <c r="E90" s="129"/>
      <c r="F90" s="129"/>
      <c r="G90" s="129"/>
      <c r="H90" s="48" t="s">
        <v>26</v>
      </c>
      <c r="I90" s="49" t="s">
        <v>27</v>
      </c>
      <c r="J90" s="92" t="s">
        <v>28</v>
      </c>
      <c r="K90" s="133"/>
      <c r="L90" s="96"/>
      <c r="M90" s="96"/>
      <c r="N90" s="47"/>
      <c r="O90" s="47"/>
      <c r="P90" s="47"/>
    </row>
    <row r="91" spans="1:62" s="111" customFormat="1" ht="14.1" customHeight="1" x14ac:dyDescent="0.25">
      <c r="A91" s="102" t="s">
        <v>0</v>
      </c>
      <c r="B91" s="103" t="s">
        <v>12</v>
      </c>
      <c r="C91" s="103" t="s">
        <v>13</v>
      </c>
      <c r="D91" s="103" t="s">
        <v>14</v>
      </c>
      <c r="E91" s="112" t="s">
        <v>15</v>
      </c>
      <c r="F91" s="104" t="s">
        <v>16</v>
      </c>
      <c r="G91" s="99" t="s">
        <v>17</v>
      </c>
      <c r="H91" s="105" t="s">
        <v>18</v>
      </c>
      <c r="I91" s="106" t="s">
        <v>19</v>
      </c>
      <c r="J91" s="107" t="s">
        <v>35</v>
      </c>
      <c r="K91" s="108" t="s">
        <v>36</v>
      </c>
      <c r="L91" s="117"/>
      <c r="M91" s="117"/>
      <c r="N91" s="109"/>
      <c r="O91" s="109"/>
      <c r="P91" s="109"/>
      <c r="Q91" s="110"/>
      <c r="R91" s="110"/>
      <c r="S91" s="110"/>
      <c r="T91" s="110"/>
      <c r="U91" s="110"/>
      <c r="V91" s="110"/>
      <c r="W91" s="110"/>
      <c r="X91" s="110"/>
      <c r="Y91" s="110"/>
      <c r="Z91" s="110"/>
      <c r="AA91" s="110"/>
      <c r="AB91" s="110"/>
      <c r="AC91" s="110"/>
      <c r="AD91" s="110"/>
      <c r="AE91" s="110"/>
      <c r="AF91" s="110"/>
      <c r="AG91" s="110"/>
      <c r="AH91" s="110"/>
      <c r="AI91" s="110"/>
      <c r="AJ91" s="110"/>
      <c r="AK91" s="110"/>
      <c r="AL91" s="110"/>
      <c r="AM91" s="110"/>
      <c r="AN91" s="110"/>
      <c r="AO91" s="110"/>
      <c r="AP91" s="110"/>
      <c r="AQ91" s="110"/>
      <c r="AR91" s="110"/>
      <c r="AS91" s="110"/>
      <c r="AT91" s="110"/>
      <c r="AU91" s="110"/>
      <c r="AV91" s="110"/>
      <c r="AW91" s="110"/>
      <c r="AX91" s="110"/>
      <c r="AY91" s="110"/>
      <c r="AZ91" s="110"/>
      <c r="BA91" s="110"/>
      <c r="BB91" s="110"/>
      <c r="BC91" s="110"/>
      <c r="BD91" s="110"/>
      <c r="BE91" s="110"/>
      <c r="BF91" s="110"/>
      <c r="BG91" s="110"/>
      <c r="BH91" s="110"/>
      <c r="BI91" s="110"/>
      <c r="BJ91" s="110"/>
    </row>
    <row r="92" spans="1:62" s="40" customFormat="1" ht="33" customHeight="1" x14ac:dyDescent="0.25">
      <c r="A92" s="86" t="s">
        <v>0</v>
      </c>
      <c r="B92" s="65"/>
      <c r="C92" s="66"/>
      <c r="D92" s="84"/>
      <c r="E92" s="84"/>
      <c r="F92" s="84"/>
      <c r="G92" s="84"/>
      <c r="H92" s="67"/>
      <c r="I92" s="68"/>
      <c r="J92" s="93"/>
      <c r="K92" s="135" t="s">
        <v>236</v>
      </c>
      <c r="L92" s="97"/>
      <c r="M92" s="97"/>
      <c r="N92" s="50"/>
      <c r="O92" s="50"/>
      <c r="P92" s="50"/>
    </row>
    <row r="93" spans="1:62" s="40" customFormat="1" ht="33" customHeight="1" x14ac:dyDescent="0.25">
      <c r="A93" s="85" t="s">
        <v>12</v>
      </c>
      <c r="B93" s="69"/>
      <c r="C93" s="70"/>
      <c r="D93" s="85"/>
      <c r="E93" s="85"/>
      <c r="F93" s="85"/>
      <c r="G93" s="86"/>
      <c r="H93" s="71"/>
      <c r="I93" s="72"/>
      <c r="J93" s="94"/>
      <c r="K93" s="136"/>
      <c r="L93" s="97"/>
      <c r="M93" s="97"/>
      <c r="N93" s="50"/>
      <c r="O93" s="50"/>
      <c r="P93" s="50"/>
    </row>
    <row r="94" spans="1:62" s="40" customFormat="1" ht="33" customHeight="1" x14ac:dyDescent="0.25">
      <c r="A94" s="87" t="s">
        <v>13</v>
      </c>
      <c r="B94" s="88"/>
      <c r="C94" s="89"/>
      <c r="D94" s="87"/>
      <c r="E94" s="87"/>
      <c r="F94" s="87"/>
      <c r="G94" s="87"/>
      <c r="H94" s="90"/>
      <c r="I94" s="91"/>
      <c r="J94" s="95"/>
      <c r="K94" s="137"/>
      <c r="L94" s="97"/>
      <c r="M94" s="97"/>
      <c r="N94" s="50"/>
      <c r="O94" s="50"/>
      <c r="P94" s="50"/>
    </row>
    <row r="95" spans="1:62" s="13" customFormat="1" ht="15.75" customHeight="1" x14ac:dyDescent="0.2">
      <c r="A95" s="23"/>
      <c r="B95" s="23"/>
      <c r="C95" s="10"/>
      <c r="D95" s="41"/>
      <c r="F95" s="14"/>
      <c r="G95" s="14"/>
      <c r="H95" s="14"/>
      <c r="I95" s="14"/>
      <c r="J95" s="26"/>
      <c r="K95" s="26"/>
      <c r="L95" s="26"/>
      <c r="M95" s="26"/>
    </row>
    <row r="96" spans="1:62" s="46" customFormat="1" ht="29.25" customHeight="1" x14ac:dyDescent="0.25">
      <c r="A96" s="139" t="s">
        <v>339</v>
      </c>
      <c r="B96" s="139"/>
      <c r="C96" s="139"/>
      <c r="D96" s="139"/>
      <c r="E96" s="139"/>
      <c r="F96" s="139"/>
      <c r="G96" s="139"/>
      <c r="H96" s="139"/>
      <c r="I96" s="139"/>
      <c r="J96" s="139"/>
      <c r="K96" s="139"/>
      <c r="L96" s="64"/>
      <c r="M96" s="64"/>
      <c r="N96" s="64"/>
      <c r="O96" s="64"/>
      <c r="P96" s="64"/>
    </row>
    <row r="97" spans="1:62" s="39" customFormat="1" ht="33" customHeight="1" x14ac:dyDescent="0.25">
      <c r="A97" s="128" t="s">
        <v>24</v>
      </c>
      <c r="B97" s="128" t="s">
        <v>39</v>
      </c>
      <c r="C97" s="128" t="s">
        <v>40</v>
      </c>
      <c r="D97" s="128" t="s">
        <v>30</v>
      </c>
      <c r="E97" s="128" t="s">
        <v>32</v>
      </c>
      <c r="F97" s="128" t="s">
        <v>41</v>
      </c>
      <c r="G97" s="128" t="s">
        <v>42</v>
      </c>
      <c r="H97" s="130" t="s">
        <v>45</v>
      </c>
      <c r="I97" s="131"/>
      <c r="J97" s="131"/>
      <c r="K97" s="132" t="s">
        <v>53</v>
      </c>
      <c r="L97" s="134"/>
      <c r="M97" s="134"/>
      <c r="N97" s="47"/>
      <c r="O97" s="47"/>
      <c r="P97" s="47"/>
    </row>
    <row r="98" spans="1:62" s="39" customFormat="1" ht="22.5" customHeight="1" x14ac:dyDescent="0.25">
      <c r="A98" s="129"/>
      <c r="B98" s="129"/>
      <c r="C98" s="129"/>
      <c r="D98" s="129"/>
      <c r="E98" s="129"/>
      <c r="F98" s="129"/>
      <c r="G98" s="129"/>
      <c r="H98" s="48" t="s">
        <v>26</v>
      </c>
      <c r="I98" s="49" t="s">
        <v>27</v>
      </c>
      <c r="J98" s="92" t="s">
        <v>28</v>
      </c>
      <c r="K98" s="133"/>
      <c r="L98" s="96"/>
      <c r="M98" s="96"/>
      <c r="N98" s="47"/>
      <c r="O98" s="47"/>
      <c r="P98" s="47"/>
    </row>
    <row r="99" spans="1:62" s="111" customFormat="1" ht="14.1" customHeight="1" x14ac:dyDescent="0.25">
      <c r="A99" s="102" t="s">
        <v>0</v>
      </c>
      <c r="B99" s="103" t="s">
        <v>12</v>
      </c>
      <c r="C99" s="103" t="s">
        <v>13</v>
      </c>
      <c r="D99" s="103" t="s">
        <v>14</v>
      </c>
      <c r="E99" s="112" t="s">
        <v>15</v>
      </c>
      <c r="F99" s="104" t="s">
        <v>16</v>
      </c>
      <c r="G99" s="99" t="s">
        <v>17</v>
      </c>
      <c r="H99" s="105" t="s">
        <v>18</v>
      </c>
      <c r="I99" s="106" t="s">
        <v>19</v>
      </c>
      <c r="J99" s="107" t="s">
        <v>35</v>
      </c>
      <c r="K99" s="108" t="s">
        <v>36</v>
      </c>
      <c r="L99" s="117"/>
      <c r="M99" s="117"/>
      <c r="N99" s="109"/>
      <c r="O99" s="109"/>
      <c r="P99" s="109"/>
      <c r="Q99" s="110"/>
      <c r="R99" s="110"/>
      <c r="S99" s="110"/>
      <c r="T99" s="110"/>
      <c r="U99" s="110"/>
      <c r="V99" s="110"/>
      <c r="W99" s="110"/>
      <c r="X99" s="110"/>
      <c r="Y99" s="110"/>
      <c r="Z99" s="110"/>
      <c r="AA99" s="110"/>
      <c r="AB99" s="110"/>
      <c r="AC99" s="110"/>
      <c r="AD99" s="110"/>
      <c r="AE99" s="110"/>
      <c r="AF99" s="110"/>
      <c r="AG99" s="110"/>
      <c r="AH99" s="110"/>
      <c r="AI99" s="110"/>
      <c r="AJ99" s="110"/>
      <c r="AK99" s="110"/>
      <c r="AL99" s="110"/>
      <c r="AM99" s="110"/>
      <c r="AN99" s="110"/>
      <c r="AO99" s="110"/>
      <c r="AP99" s="110"/>
      <c r="AQ99" s="110"/>
      <c r="AR99" s="110"/>
      <c r="AS99" s="110"/>
      <c r="AT99" s="110"/>
      <c r="AU99" s="110"/>
      <c r="AV99" s="110"/>
      <c r="AW99" s="110"/>
      <c r="AX99" s="110"/>
      <c r="AY99" s="110"/>
      <c r="AZ99" s="110"/>
      <c r="BA99" s="110"/>
      <c r="BB99" s="110"/>
      <c r="BC99" s="110"/>
      <c r="BD99" s="110"/>
      <c r="BE99" s="110"/>
      <c r="BF99" s="110"/>
      <c r="BG99" s="110"/>
      <c r="BH99" s="110"/>
      <c r="BI99" s="110"/>
      <c r="BJ99" s="110"/>
    </row>
    <row r="100" spans="1:62" s="40" customFormat="1" ht="33" customHeight="1" x14ac:dyDescent="0.25">
      <c r="A100" s="86" t="s">
        <v>0</v>
      </c>
      <c r="B100" s="65"/>
      <c r="C100" s="66"/>
      <c r="D100" s="84"/>
      <c r="E100" s="84"/>
      <c r="F100" s="84"/>
      <c r="G100" s="84"/>
      <c r="H100" s="67"/>
      <c r="I100" s="68"/>
      <c r="J100" s="93"/>
      <c r="K100" s="135" t="s">
        <v>237</v>
      </c>
      <c r="L100" s="97"/>
      <c r="M100" s="97"/>
      <c r="N100" s="50"/>
      <c r="O100" s="50"/>
      <c r="P100" s="50"/>
    </row>
    <row r="101" spans="1:62" s="40" customFormat="1" ht="33" customHeight="1" x14ac:dyDescent="0.25">
      <c r="A101" s="85" t="s">
        <v>12</v>
      </c>
      <c r="B101" s="69"/>
      <c r="C101" s="70"/>
      <c r="D101" s="85"/>
      <c r="E101" s="85"/>
      <c r="F101" s="85"/>
      <c r="G101" s="86"/>
      <c r="H101" s="71"/>
      <c r="I101" s="72"/>
      <c r="J101" s="94"/>
      <c r="K101" s="136"/>
      <c r="L101" s="97"/>
      <c r="M101" s="97"/>
      <c r="N101" s="50"/>
      <c r="O101" s="50"/>
      <c r="P101" s="50"/>
    </row>
    <row r="102" spans="1:62" s="40" customFormat="1" ht="33" customHeight="1" x14ac:dyDescent="0.25">
      <c r="A102" s="87" t="s">
        <v>13</v>
      </c>
      <c r="B102" s="88"/>
      <c r="C102" s="89"/>
      <c r="D102" s="87"/>
      <c r="E102" s="87"/>
      <c r="F102" s="87"/>
      <c r="G102" s="87"/>
      <c r="H102" s="90"/>
      <c r="I102" s="91"/>
      <c r="J102" s="95"/>
      <c r="K102" s="137"/>
      <c r="L102" s="97"/>
      <c r="M102" s="97"/>
      <c r="N102" s="50"/>
      <c r="O102" s="50"/>
      <c r="P102" s="50"/>
    </row>
    <row r="103" spans="1:62" s="45" customFormat="1" ht="33" customHeight="1" x14ac:dyDescent="0.25">
      <c r="A103" s="60"/>
      <c r="B103" s="61"/>
      <c r="C103" s="61"/>
      <c r="D103" s="61"/>
      <c r="E103" s="62"/>
      <c r="F103" s="62"/>
      <c r="G103" s="62"/>
      <c r="H103" s="62"/>
      <c r="I103" s="61"/>
      <c r="J103" s="61"/>
      <c r="K103" s="61"/>
      <c r="L103" s="127"/>
      <c r="M103" s="127"/>
      <c r="O103" s="63"/>
      <c r="P103" s="63"/>
    </row>
    <row r="104" spans="1:62" s="46" customFormat="1" ht="29.25" customHeight="1" x14ac:dyDescent="0.25">
      <c r="A104" s="139" t="s">
        <v>340</v>
      </c>
      <c r="B104" s="139"/>
      <c r="C104" s="139"/>
      <c r="D104" s="139"/>
      <c r="E104" s="139"/>
      <c r="F104" s="139"/>
      <c r="G104" s="139"/>
      <c r="H104" s="139"/>
      <c r="I104" s="139"/>
      <c r="J104" s="139"/>
      <c r="K104" s="139"/>
      <c r="L104" s="64"/>
      <c r="M104" s="64"/>
      <c r="N104" s="64"/>
      <c r="O104" s="64"/>
      <c r="P104" s="64"/>
    </row>
    <row r="105" spans="1:62" s="39" customFormat="1" ht="33" customHeight="1" x14ac:dyDescent="0.25">
      <c r="A105" s="128" t="s">
        <v>24</v>
      </c>
      <c r="B105" s="128" t="s">
        <v>39</v>
      </c>
      <c r="C105" s="128" t="s">
        <v>40</v>
      </c>
      <c r="D105" s="128" t="s">
        <v>30</v>
      </c>
      <c r="E105" s="128" t="s">
        <v>32</v>
      </c>
      <c r="F105" s="128" t="s">
        <v>41</v>
      </c>
      <c r="G105" s="128" t="s">
        <v>42</v>
      </c>
      <c r="H105" s="130" t="s">
        <v>45</v>
      </c>
      <c r="I105" s="131"/>
      <c r="J105" s="131"/>
      <c r="K105" s="132" t="s">
        <v>53</v>
      </c>
      <c r="L105" s="134"/>
      <c r="M105" s="134"/>
      <c r="N105" s="47"/>
      <c r="O105" s="47"/>
      <c r="P105" s="47"/>
    </row>
    <row r="106" spans="1:62" s="39" customFormat="1" ht="22.5" customHeight="1" x14ac:dyDescent="0.25">
      <c r="A106" s="129"/>
      <c r="B106" s="129"/>
      <c r="C106" s="129"/>
      <c r="D106" s="129"/>
      <c r="E106" s="129"/>
      <c r="F106" s="129"/>
      <c r="G106" s="129"/>
      <c r="H106" s="48" t="s">
        <v>26</v>
      </c>
      <c r="I106" s="49" t="s">
        <v>27</v>
      </c>
      <c r="J106" s="92" t="s">
        <v>28</v>
      </c>
      <c r="K106" s="133"/>
      <c r="L106" s="96"/>
      <c r="M106" s="96"/>
      <c r="N106" s="47"/>
      <c r="O106" s="47"/>
      <c r="P106" s="47"/>
    </row>
    <row r="107" spans="1:62" s="111" customFormat="1" ht="14.1" customHeight="1" x14ac:dyDescent="0.25">
      <c r="A107" s="102" t="s">
        <v>0</v>
      </c>
      <c r="B107" s="103" t="s">
        <v>12</v>
      </c>
      <c r="C107" s="103" t="s">
        <v>13</v>
      </c>
      <c r="D107" s="103" t="s">
        <v>14</v>
      </c>
      <c r="E107" s="112" t="s">
        <v>15</v>
      </c>
      <c r="F107" s="104" t="s">
        <v>16</v>
      </c>
      <c r="G107" s="99" t="s">
        <v>17</v>
      </c>
      <c r="H107" s="105" t="s">
        <v>18</v>
      </c>
      <c r="I107" s="106" t="s">
        <v>19</v>
      </c>
      <c r="J107" s="107" t="s">
        <v>35</v>
      </c>
      <c r="K107" s="108" t="s">
        <v>36</v>
      </c>
      <c r="L107" s="117"/>
      <c r="M107" s="117"/>
      <c r="N107" s="109"/>
      <c r="O107" s="109"/>
      <c r="P107" s="109"/>
      <c r="Q107" s="110"/>
      <c r="R107" s="110"/>
      <c r="S107" s="110"/>
      <c r="T107" s="110"/>
      <c r="U107" s="110"/>
      <c r="V107" s="110"/>
      <c r="W107" s="110"/>
      <c r="X107" s="110"/>
      <c r="Y107" s="110"/>
      <c r="Z107" s="110"/>
      <c r="AA107" s="110"/>
      <c r="AB107" s="110"/>
      <c r="AC107" s="110"/>
      <c r="AD107" s="110"/>
      <c r="AE107" s="110"/>
      <c r="AF107" s="110"/>
      <c r="AG107" s="110"/>
      <c r="AH107" s="110"/>
      <c r="AI107" s="110"/>
      <c r="AJ107" s="110"/>
      <c r="AK107" s="110"/>
      <c r="AL107" s="110"/>
      <c r="AM107" s="110"/>
      <c r="AN107" s="110"/>
      <c r="AO107" s="110"/>
      <c r="AP107" s="110"/>
      <c r="AQ107" s="110"/>
      <c r="AR107" s="110"/>
      <c r="AS107" s="110"/>
      <c r="AT107" s="110"/>
      <c r="AU107" s="110"/>
      <c r="AV107" s="110"/>
      <c r="AW107" s="110"/>
      <c r="AX107" s="110"/>
      <c r="AY107" s="110"/>
      <c r="AZ107" s="110"/>
      <c r="BA107" s="110"/>
      <c r="BB107" s="110"/>
      <c r="BC107" s="110"/>
      <c r="BD107" s="110"/>
      <c r="BE107" s="110"/>
      <c r="BF107" s="110"/>
      <c r="BG107" s="110"/>
      <c r="BH107" s="110"/>
      <c r="BI107" s="110"/>
      <c r="BJ107" s="110"/>
    </row>
    <row r="108" spans="1:62" s="40" customFormat="1" ht="33" customHeight="1" x14ac:dyDescent="0.25">
      <c r="A108" s="86" t="s">
        <v>0</v>
      </c>
      <c r="B108" s="65"/>
      <c r="C108" s="66"/>
      <c r="D108" s="84"/>
      <c r="E108" s="84"/>
      <c r="F108" s="84"/>
      <c r="G108" s="84"/>
      <c r="H108" s="67"/>
      <c r="I108" s="68"/>
      <c r="J108" s="93"/>
      <c r="K108" s="135" t="s">
        <v>237</v>
      </c>
      <c r="L108" s="97"/>
      <c r="M108" s="97"/>
      <c r="N108" s="50"/>
      <c r="O108" s="50"/>
      <c r="P108" s="50"/>
    </row>
    <row r="109" spans="1:62" s="40" customFormat="1" ht="33" customHeight="1" x14ac:dyDescent="0.25">
      <c r="A109" s="85" t="s">
        <v>12</v>
      </c>
      <c r="B109" s="69"/>
      <c r="C109" s="70"/>
      <c r="D109" s="85"/>
      <c r="E109" s="85"/>
      <c r="F109" s="85"/>
      <c r="G109" s="86"/>
      <c r="H109" s="71"/>
      <c r="I109" s="72"/>
      <c r="J109" s="94"/>
      <c r="K109" s="136"/>
      <c r="L109" s="97"/>
      <c r="M109" s="97"/>
      <c r="N109" s="50"/>
      <c r="O109" s="50"/>
      <c r="P109" s="50"/>
    </row>
    <row r="110" spans="1:62" s="40" customFormat="1" ht="33" customHeight="1" x14ac:dyDescent="0.25">
      <c r="A110" s="87" t="s">
        <v>13</v>
      </c>
      <c r="B110" s="88"/>
      <c r="C110" s="89"/>
      <c r="D110" s="87"/>
      <c r="E110" s="87"/>
      <c r="F110" s="87"/>
      <c r="G110" s="87"/>
      <c r="H110" s="90"/>
      <c r="I110" s="91"/>
      <c r="J110" s="95"/>
      <c r="K110" s="137"/>
      <c r="L110" s="97"/>
      <c r="M110" s="97"/>
      <c r="N110" s="50"/>
      <c r="O110" s="50"/>
      <c r="P110" s="50"/>
    </row>
    <row r="111" spans="1:62" s="13" customFormat="1" ht="15.75" customHeight="1" x14ac:dyDescent="0.2">
      <c r="A111" s="23"/>
      <c r="B111" s="23"/>
      <c r="C111" s="10"/>
      <c r="D111" s="41"/>
      <c r="F111" s="14"/>
      <c r="G111" s="14"/>
      <c r="H111" s="14"/>
      <c r="I111" s="14"/>
      <c r="J111" s="26"/>
      <c r="K111" s="26"/>
      <c r="L111" s="26"/>
      <c r="M111" s="26"/>
    </row>
    <row r="112" spans="1:62" s="46" customFormat="1" ht="29.25" customHeight="1" x14ac:dyDescent="0.25">
      <c r="A112" s="139" t="s">
        <v>341</v>
      </c>
      <c r="B112" s="139"/>
      <c r="C112" s="139"/>
      <c r="D112" s="139"/>
      <c r="E112" s="139"/>
      <c r="F112" s="139"/>
      <c r="G112" s="139"/>
      <c r="H112" s="139"/>
      <c r="I112" s="139"/>
      <c r="J112" s="139"/>
      <c r="K112" s="139"/>
      <c r="L112" s="64"/>
      <c r="M112" s="64"/>
      <c r="N112" s="64"/>
      <c r="O112" s="64"/>
      <c r="P112" s="64"/>
    </row>
    <row r="113" spans="1:62" s="39" customFormat="1" ht="33" customHeight="1" x14ac:dyDescent="0.25">
      <c r="A113" s="128" t="s">
        <v>24</v>
      </c>
      <c r="B113" s="128" t="s">
        <v>39</v>
      </c>
      <c r="C113" s="128" t="s">
        <v>40</v>
      </c>
      <c r="D113" s="128" t="s">
        <v>30</v>
      </c>
      <c r="E113" s="128" t="s">
        <v>32</v>
      </c>
      <c r="F113" s="128" t="s">
        <v>41</v>
      </c>
      <c r="G113" s="128" t="s">
        <v>42</v>
      </c>
      <c r="H113" s="130" t="s">
        <v>45</v>
      </c>
      <c r="I113" s="131"/>
      <c r="J113" s="131"/>
      <c r="K113" s="132" t="s">
        <v>53</v>
      </c>
      <c r="L113" s="134"/>
      <c r="M113" s="134"/>
      <c r="N113" s="47"/>
      <c r="O113" s="47"/>
      <c r="P113" s="47"/>
    </row>
    <row r="114" spans="1:62" s="39" customFormat="1" ht="22.5" customHeight="1" x14ac:dyDescent="0.25">
      <c r="A114" s="129"/>
      <c r="B114" s="129"/>
      <c r="C114" s="129"/>
      <c r="D114" s="129"/>
      <c r="E114" s="129"/>
      <c r="F114" s="129"/>
      <c r="G114" s="129"/>
      <c r="H114" s="48" t="s">
        <v>26</v>
      </c>
      <c r="I114" s="49" t="s">
        <v>27</v>
      </c>
      <c r="J114" s="92" t="s">
        <v>28</v>
      </c>
      <c r="K114" s="133"/>
      <c r="L114" s="96"/>
      <c r="M114" s="96"/>
      <c r="N114" s="47"/>
      <c r="O114" s="47"/>
      <c r="P114" s="47"/>
    </row>
    <row r="115" spans="1:62" s="111" customFormat="1" ht="14.1" customHeight="1" x14ac:dyDescent="0.25">
      <c r="A115" s="102" t="s">
        <v>0</v>
      </c>
      <c r="B115" s="103" t="s">
        <v>12</v>
      </c>
      <c r="C115" s="103" t="s">
        <v>13</v>
      </c>
      <c r="D115" s="103" t="s">
        <v>14</v>
      </c>
      <c r="E115" s="112" t="s">
        <v>15</v>
      </c>
      <c r="F115" s="104" t="s">
        <v>16</v>
      </c>
      <c r="G115" s="99" t="s">
        <v>17</v>
      </c>
      <c r="H115" s="105" t="s">
        <v>18</v>
      </c>
      <c r="I115" s="106" t="s">
        <v>19</v>
      </c>
      <c r="J115" s="107" t="s">
        <v>35</v>
      </c>
      <c r="K115" s="108" t="s">
        <v>36</v>
      </c>
      <c r="L115" s="117"/>
      <c r="M115" s="117"/>
      <c r="N115" s="109"/>
      <c r="O115" s="109"/>
      <c r="P115" s="109"/>
      <c r="Q115" s="110"/>
      <c r="R115" s="110"/>
      <c r="S115" s="110"/>
      <c r="T115" s="110"/>
      <c r="U115" s="110"/>
      <c r="V115" s="110"/>
      <c r="W115" s="110"/>
      <c r="X115" s="110"/>
      <c r="Y115" s="110"/>
      <c r="Z115" s="110"/>
      <c r="AA115" s="110"/>
      <c r="AB115" s="110"/>
      <c r="AC115" s="110"/>
      <c r="AD115" s="110"/>
      <c r="AE115" s="110"/>
      <c r="AF115" s="110"/>
      <c r="AG115" s="110"/>
      <c r="AH115" s="110"/>
      <c r="AI115" s="110"/>
      <c r="AJ115" s="110"/>
      <c r="AK115" s="110"/>
      <c r="AL115" s="110"/>
      <c r="AM115" s="110"/>
      <c r="AN115" s="110"/>
      <c r="AO115" s="110"/>
      <c r="AP115" s="110"/>
      <c r="AQ115" s="110"/>
      <c r="AR115" s="110"/>
      <c r="AS115" s="110"/>
      <c r="AT115" s="110"/>
      <c r="AU115" s="110"/>
      <c r="AV115" s="110"/>
      <c r="AW115" s="110"/>
      <c r="AX115" s="110"/>
      <c r="AY115" s="110"/>
      <c r="AZ115" s="110"/>
      <c r="BA115" s="110"/>
      <c r="BB115" s="110"/>
      <c r="BC115" s="110"/>
      <c r="BD115" s="110"/>
      <c r="BE115" s="110"/>
      <c r="BF115" s="110"/>
      <c r="BG115" s="110"/>
      <c r="BH115" s="110"/>
      <c r="BI115" s="110"/>
      <c r="BJ115" s="110"/>
    </row>
    <row r="116" spans="1:62" s="40" customFormat="1" ht="33" customHeight="1" x14ac:dyDescent="0.25">
      <c r="A116" s="86" t="s">
        <v>0</v>
      </c>
      <c r="B116" s="65"/>
      <c r="C116" s="66"/>
      <c r="D116" s="84"/>
      <c r="E116" s="84"/>
      <c r="F116" s="84"/>
      <c r="G116" s="84"/>
      <c r="H116" s="67"/>
      <c r="I116" s="68"/>
      <c r="J116" s="93"/>
      <c r="K116" s="135" t="s">
        <v>173</v>
      </c>
      <c r="L116" s="97"/>
      <c r="M116" s="97"/>
      <c r="N116" s="50"/>
      <c r="O116" s="50"/>
      <c r="P116" s="50"/>
    </row>
    <row r="117" spans="1:62" s="40" customFormat="1" ht="33" customHeight="1" x14ac:dyDescent="0.25">
      <c r="A117" s="85" t="s">
        <v>12</v>
      </c>
      <c r="B117" s="69"/>
      <c r="C117" s="70"/>
      <c r="D117" s="85"/>
      <c r="E117" s="85"/>
      <c r="F117" s="85"/>
      <c r="G117" s="86"/>
      <c r="H117" s="71"/>
      <c r="I117" s="72"/>
      <c r="J117" s="94"/>
      <c r="K117" s="136"/>
      <c r="L117" s="97"/>
      <c r="M117" s="97"/>
      <c r="N117" s="50"/>
      <c r="O117" s="50"/>
      <c r="P117" s="50"/>
    </row>
    <row r="118" spans="1:62" s="40" customFormat="1" ht="33" customHeight="1" x14ac:dyDescent="0.25">
      <c r="A118" s="87" t="s">
        <v>13</v>
      </c>
      <c r="B118" s="88"/>
      <c r="C118" s="89"/>
      <c r="D118" s="87"/>
      <c r="E118" s="87"/>
      <c r="F118" s="87"/>
      <c r="G118" s="87"/>
      <c r="H118" s="90"/>
      <c r="I118" s="91"/>
      <c r="J118" s="95"/>
      <c r="K118" s="137"/>
      <c r="L118" s="97"/>
      <c r="M118" s="97"/>
      <c r="N118" s="50"/>
      <c r="O118" s="50"/>
      <c r="P118" s="50"/>
    </row>
    <row r="119" spans="1:62" s="13" customFormat="1" ht="15.75" customHeight="1" x14ac:dyDescent="0.2">
      <c r="A119" s="23"/>
      <c r="B119" s="23"/>
      <c r="C119" s="10"/>
      <c r="D119" s="41"/>
      <c r="F119" s="14"/>
      <c r="G119" s="14"/>
      <c r="H119" s="14"/>
      <c r="I119" s="14"/>
      <c r="J119" s="26"/>
      <c r="K119" s="26"/>
      <c r="L119" s="26"/>
      <c r="M119" s="26"/>
    </row>
    <row r="120" spans="1:62" s="46" customFormat="1" ht="29.25" customHeight="1" x14ac:dyDescent="0.25">
      <c r="A120" s="139" t="s">
        <v>342</v>
      </c>
      <c r="B120" s="139"/>
      <c r="C120" s="139"/>
      <c r="D120" s="139"/>
      <c r="E120" s="139"/>
      <c r="F120" s="139"/>
      <c r="G120" s="139"/>
      <c r="H120" s="139"/>
      <c r="I120" s="139"/>
      <c r="J120" s="139"/>
      <c r="K120" s="139"/>
      <c r="L120" s="64"/>
      <c r="M120" s="64"/>
      <c r="N120" s="64"/>
      <c r="O120" s="64"/>
      <c r="P120" s="64"/>
    </row>
    <row r="121" spans="1:62" s="39" customFormat="1" ht="33" customHeight="1" x14ac:dyDescent="0.25">
      <c r="A121" s="128" t="s">
        <v>24</v>
      </c>
      <c r="B121" s="128" t="s">
        <v>39</v>
      </c>
      <c r="C121" s="128" t="s">
        <v>40</v>
      </c>
      <c r="D121" s="128" t="s">
        <v>30</v>
      </c>
      <c r="E121" s="128" t="s">
        <v>32</v>
      </c>
      <c r="F121" s="128" t="s">
        <v>41</v>
      </c>
      <c r="G121" s="128" t="s">
        <v>42</v>
      </c>
      <c r="H121" s="130" t="s">
        <v>45</v>
      </c>
      <c r="I121" s="131"/>
      <c r="J121" s="131"/>
      <c r="K121" s="132" t="s">
        <v>53</v>
      </c>
      <c r="L121" s="134"/>
      <c r="M121" s="134"/>
      <c r="N121" s="47"/>
      <c r="O121" s="47"/>
      <c r="P121" s="47"/>
    </row>
    <row r="122" spans="1:62" s="39" customFormat="1" ht="22.5" customHeight="1" x14ac:dyDescent="0.25">
      <c r="A122" s="129"/>
      <c r="B122" s="129"/>
      <c r="C122" s="129"/>
      <c r="D122" s="129"/>
      <c r="E122" s="129"/>
      <c r="F122" s="129"/>
      <c r="G122" s="129"/>
      <c r="H122" s="48" t="s">
        <v>26</v>
      </c>
      <c r="I122" s="49" t="s">
        <v>27</v>
      </c>
      <c r="J122" s="92" t="s">
        <v>28</v>
      </c>
      <c r="K122" s="133"/>
      <c r="L122" s="96"/>
      <c r="M122" s="96"/>
      <c r="N122" s="47"/>
      <c r="O122" s="47"/>
      <c r="P122" s="47"/>
    </row>
    <row r="123" spans="1:62" s="111" customFormat="1" ht="14.1" customHeight="1" x14ac:dyDescent="0.25">
      <c r="A123" s="102" t="s">
        <v>0</v>
      </c>
      <c r="B123" s="103" t="s">
        <v>12</v>
      </c>
      <c r="C123" s="103" t="s">
        <v>13</v>
      </c>
      <c r="D123" s="103" t="s">
        <v>14</v>
      </c>
      <c r="E123" s="112" t="s">
        <v>15</v>
      </c>
      <c r="F123" s="104" t="s">
        <v>16</v>
      </c>
      <c r="G123" s="99" t="s">
        <v>17</v>
      </c>
      <c r="H123" s="105" t="s">
        <v>18</v>
      </c>
      <c r="I123" s="106" t="s">
        <v>19</v>
      </c>
      <c r="J123" s="107" t="s">
        <v>35</v>
      </c>
      <c r="K123" s="108" t="s">
        <v>36</v>
      </c>
      <c r="L123" s="117"/>
      <c r="M123" s="117"/>
      <c r="N123" s="109"/>
      <c r="O123" s="109"/>
      <c r="P123" s="109"/>
      <c r="Q123" s="110"/>
      <c r="R123" s="110"/>
      <c r="S123" s="110"/>
      <c r="T123" s="110"/>
      <c r="U123" s="110"/>
      <c r="V123" s="110"/>
      <c r="W123" s="110"/>
      <c r="X123" s="110"/>
      <c r="Y123" s="110"/>
      <c r="Z123" s="110"/>
      <c r="AA123" s="110"/>
      <c r="AB123" s="110"/>
      <c r="AC123" s="110"/>
      <c r="AD123" s="110"/>
      <c r="AE123" s="110"/>
      <c r="AF123" s="110"/>
      <c r="AG123" s="110"/>
      <c r="AH123" s="110"/>
      <c r="AI123" s="110"/>
      <c r="AJ123" s="110"/>
      <c r="AK123" s="110"/>
      <c r="AL123" s="110"/>
      <c r="AM123" s="110"/>
      <c r="AN123" s="110"/>
      <c r="AO123" s="110"/>
      <c r="AP123" s="110"/>
      <c r="AQ123" s="110"/>
      <c r="AR123" s="110"/>
      <c r="AS123" s="110"/>
      <c r="AT123" s="110"/>
      <c r="AU123" s="110"/>
      <c r="AV123" s="110"/>
      <c r="AW123" s="110"/>
      <c r="AX123" s="110"/>
      <c r="AY123" s="110"/>
      <c r="AZ123" s="110"/>
      <c r="BA123" s="110"/>
      <c r="BB123" s="110"/>
      <c r="BC123" s="110"/>
      <c r="BD123" s="110"/>
      <c r="BE123" s="110"/>
      <c r="BF123" s="110"/>
      <c r="BG123" s="110"/>
      <c r="BH123" s="110"/>
      <c r="BI123" s="110"/>
      <c r="BJ123" s="110"/>
    </row>
    <row r="124" spans="1:62" s="40" customFormat="1" ht="33" customHeight="1" x14ac:dyDescent="0.25">
      <c r="A124" s="86" t="s">
        <v>0</v>
      </c>
      <c r="B124" s="65"/>
      <c r="C124" s="66"/>
      <c r="D124" s="84"/>
      <c r="E124" s="84"/>
      <c r="F124" s="84"/>
      <c r="G124" s="84"/>
      <c r="H124" s="67"/>
      <c r="I124" s="68"/>
      <c r="J124" s="93"/>
      <c r="K124" s="135" t="s">
        <v>173</v>
      </c>
      <c r="L124" s="97"/>
      <c r="M124" s="97"/>
      <c r="N124" s="50"/>
      <c r="O124" s="50"/>
      <c r="P124" s="50"/>
    </row>
    <row r="125" spans="1:62" s="40" customFormat="1" ht="33" customHeight="1" x14ac:dyDescent="0.25">
      <c r="A125" s="85" t="s">
        <v>12</v>
      </c>
      <c r="B125" s="69"/>
      <c r="C125" s="70"/>
      <c r="D125" s="85"/>
      <c r="E125" s="85"/>
      <c r="F125" s="85"/>
      <c r="G125" s="86"/>
      <c r="H125" s="71"/>
      <c r="I125" s="72"/>
      <c r="J125" s="94"/>
      <c r="K125" s="136"/>
      <c r="L125" s="97"/>
      <c r="M125" s="97"/>
      <c r="N125" s="50"/>
      <c r="O125" s="50"/>
      <c r="P125" s="50"/>
    </row>
    <row r="126" spans="1:62" s="40" customFormat="1" ht="33" customHeight="1" x14ac:dyDescent="0.25">
      <c r="A126" s="87" t="s">
        <v>13</v>
      </c>
      <c r="B126" s="88"/>
      <c r="C126" s="89"/>
      <c r="D126" s="87"/>
      <c r="E126" s="87"/>
      <c r="F126" s="87"/>
      <c r="G126" s="87"/>
      <c r="H126" s="90"/>
      <c r="I126" s="91"/>
      <c r="J126" s="95"/>
      <c r="K126" s="137"/>
      <c r="L126" s="97"/>
      <c r="M126" s="97"/>
      <c r="N126" s="50"/>
      <c r="O126" s="50"/>
      <c r="P126" s="50"/>
    </row>
    <row r="127" spans="1:62" s="45" customFormat="1" ht="33" customHeight="1" x14ac:dyDescent="0.25">
      <c r="A127" s="60"/>
      <c r="B127" s="61"/>
      <c r="C127" s="61"/>
      <c r="D127" s="61"/>
      <c r="E127" s="62"/>
      <c r="F127" s="62"/>
      <c r="G127" s="62"/>
      <c r="H127" s="62"/>
      <c r="I127" s="61"/>
      <c r="J127" s="61"/>
      <c r="K127" s="61"/>
      <c r="L127" s="127"/>
      <c r="M127" s="127"/>
      <c r="O127" s="63"/>
      <c r="P127" s="63"/>
    </row>
    <row r="128" spans="1:62" s="46" customFormat="1" ht="29.25" customHeight="1" x14ac:dyDescent="0.25">
      <c r="A128" s="139" t="s">
        <v>343</v>
      </c>
      <c r="B128" s="139"/>
      <c r="C128" s="139"/>
      <c r="D128" s="139"/>
      <c r="E128" s="139"/>
      <c r="F128" s="139"/>
      <c r="G128" s="139"/>
      <c r="H128" s="139"/>
      <c r="I128" s="139"/>
      <c r="J128" s="139"/>
      <c r="K128" s="139"/>
      <c r="L128" s="64"/>
      <c r="M128" s="64"/>
      <c r="N128" s="64"/>
      <c r="O128" s="64"/>
      <c r="P128" s="64"/>
    </row>
    <row r="129" spans="1:62" s="39" customFormat="1" ht="33" customHeight="1" x14ac:dyDescent="0.25">
      <c r="A129" s="128" t="s">
        <v>24</v>
      </c>
      <c r="B129" s="128" t="s">
        <v>39</v>
      </c>
      <c r="C129" s="128" t="s">
        <v>40</v>
      </c>
      <c r="D129" s="128" t="s">
        <v>30</v>
      </c>
      <c r="E129" s="128" t="s">
        <v>32</v>
      </c>
      <c r="F129" s="128" t="s">
        <v>41</v>
      </c>
      <c r="G129" s="128" t="s">
        <v>42</v>
      </c>
      <c r="H129" s="130" t="s">
        <v>45</v>
      </c>
      <c r="I129" s="131"/>
      <c r="J129" s="131"/>
      <c r="K129" s="132" t="s">
        <v>53</v>
      </c>
      <c r="L129" s="134"/>
      <c r="M129" s="134"/>
      <c r="N129" s="47"/>
      <c r="O129" s="47"/>
      <c r="P129" s="47"/>
    </row>
    <row r="130" spans="1:62" s="39" customFormat="1" ht="22.5" customHeight="1" x14ac:dyDescent="0.25">
      <c r="A130" s="129"/>
      <c r="B130" s="129"/>
      <c r="C130" s="129"/>
      <c r="D130" s="129"/>
      <c r="E130" s="129"/>
      <c r="F130" s="129"/>
      <c r="G130" s="129"/>
      <c r="H130" s="48" t="s">
        <v>26</v>
      </c>
      <c r="I130" s="49" t="s">
        <v>27</v>
      </c>
      <c r="J130" s="92" t="s">
        <v>28</v>
      </c>
      <c r="K130" s="133"/>
      <c r="L130" s="96"/>
      <c r="M130" s="96"/>
      <c r="N130" s="47"/>
      <c r="O130" s="47"/>
      <c r="P130" s="47"/>
    </row>
    <row r="131" spans="1:62" s="111" customFormat="1" ht="14.1" customHeight="1" x14ac:dyDescent="0.25">
      <c r="A131" s="102" t="s">
        <v>0</v>
      </c>
      <c r="B131" s="103" t="s">
        <v>12</v>
      </c>
      <c r="C131" s="103" t="s">
        <v>13</v>
      </c>
      <c r="D131" s="103" t="s">
        <v>14</v>
      </c>
      <c r="E131" s="112" t="s">
        <v>15</v>
      </c>
      <c r="F131" s="104" t="s">
        <v>16</v>
      </c>
      <c r="G131" s="99" t="s">
        <v>17</v>
      </c>
      <c r="H131" s="105" t="s">
        <v>18</v>
      </c>
      <c r="I131" s="106" t="s">
        <v>19</v>
      </c>
      <c r="J131" s="107" t="s">
        <v>35</v>
      </c>
      <c r="K131" s="108" t="s">
        <v>36</v>
      </c>
      <c r="L131" s="117"/>
      <c r="M131" s="117"/>
      <c r="N131" s="109"/>
      <c r="O131" s="109"/>
      <c r="P131" s="109"/>
      <c r="Q131" s="110"/>
      <c r="R131" s="110"/>
      <c r="S131" s="110"/>
      <c r="T131" s="110"/>
      <c r="U131" s="110"/>
      <c r="V131" s="110"/>
      <c r="W131" s="110"/>
      <c r="X131" s="110"/>
      <c r="Y131" s="110"/>
      <c r="Z131" s="110"/>
      <c r="AA131" s="110"/>
      <c r="AB131" s="110"/>
      <c r="AC131" s="110"/>
      <c r="AD131" s="110"/>
      <c r="AE131" s="110"/>
      <c r="AF131" s="110"/>
      <c r="AG131" s="110"/>
      <c r="AH131" s="110"/>
      <c r="AI131" s="110"/>
      <c r="AJ131" s="110"/>
      <c r="AK131" s="110"/>
      <c r="AL131" s="110"/>
      <c r="AM131" s="110"/>
      <c r="AN131" s="110"/>
      <c r="AO131" s="110"/>
      <c r="AP131" s="110"/>
      <c r="AQ131" s="110"/>
      <c r="AR131" s="110"/>
      <c r="AS131" s="110"/>
      <c r="AT131" s="110"/>
      <c r="AU131" s="110"/>
      <c r="AV131" s="110"/>
      <c r="AW131" s="110"/>
      <c r="AX131" s="110"/>
      <c r="AY131" s="110"/>
      <c r="AZ131" s="110"/>
      <c r="BA131" s="110"/>
      <c r="BB131" s="110"/>
      <c r="BC131" s="110"/>
      <c r="BD131" s="110"/>
      <c r="BE131" s="110"/>
      <c r="BF131" s="110"/>
      <c r="BG131" s="110"/>
      <c r="BH131" s="110"/>
      <c r="BI131" s="110"/>
      <c r="BJ131" s="110"/>
    </row>
    <row r="132" spans="1:62" s="40" customFormat="1" ht="33" customHeight="1" x14ac:dyDescent="0.25">
      <c r="A132" s="86" t="s">
        <v>0</v>
      </c>
      <c r="B132" s="65"/>
      <c r="C132" s="66"/>
      <c r="D132" s="84"/>
      <c r="E132" s="84"/>
      <c r="F132" s="84"/>
      <c r="G132" s="84"/>
      <c r="H132" s="67"/>
      <c r="I132" s="68"/>
      <c r="J132" s="93"/>
      <c r="K132" s="135" t="s">
        <v>217</v>
      </c>
      <c r="L132" s="97"/>
      <c r="M132" s="97"/>
      <c r="N132" s="50"/>
      <c r="O132" s="50"/>
      <c r="P132" s="50"/>
    </row>
    <row r="133" spans="1:62" s="40" customFormat="1" ht="33" customHeight="1" x14ac:dyDescent="0.25">
      <c r="A133" s="85" t="s">
        <v>12</v>
      </c>
      <c r="B133" s="69"/>
      <c r="C133" s="70"/>
      <c r="D133" s="85"/>
      <c r="E133" s="85"/>
      <c r="F133" s="85"/>
      <c r="G133" s="86"/>
      <c r="H133" s="71"/>
      <c r="I133" s="72"/>
      <c r="J133" s="94"/>
      <c r="K133" s="136"/>
      <c r="L133" s="97"/>
      <c r="M133" s="97"/>
      <c r="N133" s="50"/>
      <c r="O133" s="50"/>
      <c r="P133" s="50"/>
    </row>
    <row r="134" spans="1:62" s="40" customFormat="1" ht="33" customHeight="1" x14ac:dyDescent="0.25">
      <c r="A134" s="87" t="s">
        <v>13</v>
      </c>
      <c r="B134" s="88"/>
      <c r="C134" s="89"/>
      <c r="D134" s="87"/>
      <c r="E134" s="87"/>
      <c r="F134" s="87"/>
      <c r="G134" s="87"/>
      <c r="H134" s="90"/>
      <c r="I134" s="91"/>
      <c r="J134" s="95"/>
      <c r="K134" s="137"/>
      <c r="L134" s="97"/>
      <c r="M134" s="97"/>
      <c r="N134" s="50"/>
      <c r="O134" s="50"/>
      <c r="P134" s="50"/>
    </row>
    <row r="135" spans="1:62" s="13" customFormat="1" ht="15.75" customHeight="1" x14ac:dyDescent="0.2">
      <c r="A135" s="23"/>
      <c r="B135" s="23"/>
      <c r="C135" s="10"/>
      <c r="D135" s="41"/>
      <c r="F135" s="14"/>
      <c r="G135" s="14"/>
      <c r="H135" s="14"/>
      <c r="I135" s="14"/>
      <c r="J135" s="26"/>
      <c r="K135" s="26"/>
      <c r="L135" s="26"/>
      <c r="M135" s="26"/>
    </row>
    <row r="136" spans="1:62" s="46" customFormat="1" ht="29.25" customHeight="1" x14ac:dyDescent="0.25">
      <c r="A136" s="139" t="s">
        <v>344</v>
      </c>
      <c r="B136" s="139"/>
      <c r="C136" s="139"/>
      <c r="D136" s="139"/>
      <c r="E136" s="139"/>
      <c r="F136" s="139"/>
      <c r="G136" s="139"/>
      <c r="H136" s="139"/>
      <c r="I136" s="139"/>
      <c r="J136" s="139"/>
      <c r="K136" s="139"/>
      <c r="L136" s="64"/>
      <c r="M136" s="64"/>
      <c r="N136" s="64"/>
      <c r="O136" s="64"/>
      <c r="P136" s="64"/>
    </row>
    <row r="137" spans="1:62" s="39" customFormat="1" ht="33" customHeight="1" x14ac:dyDescent="0.25">
      <c r="A137" s="128" t="s">
        <v>24</v>
      </c>
      <c r="B137" s="128" t="s">
        <v>39</v>
      </c>
      <c r="C137" s="128" t="s">
        <v>40</v>
      </c>
      <c r="D137" s="128" t="s">
        <v>30</v>
      </c>
      <c r="E137" s="128" t="s">
        <v>32</v>
      </c>
      <c r="F137" s="128" t="s">
        <v>41</v>
      </c>
      <c r="G137" s="128" t="s">
        <v>42</v>
      </c>
      <c r="H137" s="130" t="s">
        <v>45</v>
      </c>
      <c r="I137" s="131"/>
      <c r="J137" s="131"/>
      <c r="K137" s="132" t="s">
        <v>53</v>
      </c>
      <c r="L137" s="134"/>
      <c r="M137" s="134"/>
      <c r="N137" s="47"/>
      <c r="O137" s="47"/>
      <c r="P137" s="47"/>
    </row>
    <row r="138" spans="1:62" s="39" customFormat="1" ht="22.5" customHeight="1" x14ac:dyDescent="0.25">
      <c r="A138" s="129"/>
      <c r="B138" s="129"/>
      <c r="C138" s="129"/>
      <c r="D138" s="129"/>
      <c r="E138" s="129"/>
      <c r="F138" s="129"/>
      <c r="G138" s="129"/>
      <c r="H138" s="48" t="s">
        <v>26</v>
      </c>
      <c r="I138" s="49" t="s">
        <v>27</v>
      </c>
      <c r="J138" s="92" t="s">
        <v>28</v>
      </c>
      <c r="K138" s="133"/>
      <c r="L138" s="96"/>
      <c r="M138" s="96"/>
      <c r="N138" s="47"/>
      <c r="O138" s="47"/>
      <c r="P138" s="47"/>
    </row>
    <row r="139" spans="1:62" s="111" customFormat="1" ht="14.1" customHeight="1" x14ac:dyDescent="0.25">
      <c r="A139" s="102" t="s">
        <v>0</v>
      </c>
      <c r="B139" s="103" t="s">
        <v>12</v>
      </c>
      <c r="C139" s="103" t="s">
        <v>13</v>
      </c>
      <c r="D139" s="103" t="s">
        <v>14</v>
      </c>
      <c r="E139" s="112" t="s">
        <v>15</v>
      </c>
      <c r="F139" s="104" t="s">
        <v>16</v>
      </c>
      <c r="G139" s="99" t="s">
        <v>17</v>
      </c>
      <c r="H139" s="105" t="s">
        <v>18</v>
      </c>
      <c r="I139" s="106" t="s">
        <v>19</v>
      </c>
      <c r="J139" s="107" t="s">
        <v>35</v>
      </c>
      <c r="K139" s="108" t="s">
        <v>36</v>
      </c>
      <c r="L139" s="117"/>
      <c r="M139" s="117"/>
      <c r="N139" s="109"/>
      <c r="O139" s="109"/>
      <c r="P139" s="109"/>
      <c r="Q139" s="110"/>
      <c r="R139" s="110"/>
      <c r="S139" s="110"/>
      <c r="T139" s="110"/>
      <c r="U139" s="110"/>
      <c r="V139" s="110"/>
      <c r="W139" s="110"/>
      <c r="X139" s="110"/>
      <c r="Y139" s="110"/>
      <c r="Z139" s="110"/>
      <c r="AA139" s="110"/>
      <c r="AB139" s="110"/>
      <c r="AC139" s="110"/>
      <c r="AD139" s="110"/>
      <c r="AE139" s="110"/>
      <c r="AF139" s="110"/>
      <c r="AG139" s="110"/>
      <c r="AH139" s="110"/>
      <c r="AI139" s="110"/>
      <c r="AJ139" s="110"/>
      <c r="AK139" s="110"/>
      <c r="AL139" s="110"/>
      <c r="AM139" s="110"/>
      <c r="AN139" s="110"/>
      <c r="AO139" s="110"/>
      <c r="AP139" s="110"/>
      <c r="AQ139" s="110"/>
      <c r="AR139" s="110"/>
      <c r="AS139" s="110"/>
      <c r="AT139" s="110"/>
      <c r="AU139" s="110"/>
      <c r="AV139" s="110"/>
      <c r="AW139" s="110"/>
      <c r="AX139" s="110"/>
      <c r="AY139" s="110"/>
      <c r="AZ139" s="110"/>
      <c r="BA139" s="110"/>
      <c r="BB139" s="110"/>
      <c r="BC139" s="110"/>
      <c r="BD139" s="110"/>
      <c r="BE139" s="110"/>
      <c r="BF139" s="110"/>
      <c r="BG139" s="110"/>
      <c r="BH139" s="110"/>
      <c r="BI139" s="110"/>
      <c r="BJ139" s="110"/>
    </row>
    <row r="140" spans="1:62" s="40" customFormat="1" ht="33" customHeight="1" x14ac:dyDescent="0.25">
      <c r="A140" s="86" t="s">
        <v>0</v>
      </c>
      <c r="B140" s="65"/>
      <c r="C140" s="66"/>
      <c r="D140" s="84"/>
      <c r="E140" s="84"/>
      <c r="F140" s="84"/>
      <c r="G140" s="84"/>
      <c r="H140" s="67"/>
      <c r="I140" s="68"/>
      <c r="J140" s="93"/>
      <c r="K140" s="135" t="s">
        <v>354</v>
      </c>
      <c r="L140" s="97"/>
      <c r="M140" s="97"/>
      <c r="N140" s="50"/>
      <c r="O140" s="50"/>
      <c r="P140" s="50"/>
    </row>
    <row r="141" spans="1:62" s="40" customFormat="1" ht="33" customHeight="1" x14ac:dyDescent="0.25">
      <c r="A141" s="85" t="s">
        <v>12</v>
      </c>
      <c r="B141" s="69"/>
      <c r="C141" s="70"/>
      <c r="D141" s="85"/>
      <c r="E141" s="85"/>
      <c r="F141" s="85"/>
      <c r="G141" s="86"/>
      <c r="H141" s="71"/>
      <c r="I141" s="72"/>
      <c r="J141" s="94"/>
      <c r="K141" s="136"/>
      <c r="L141" s="97"/>
      <c r="M141" s="97"/>
      <c r="N141" s="50"/>
      <c r="O141" s="50"/>
      <c r="P141" s="50"/>
    </row>
    <row r="142" spans="1:62" s="40" customFormat="1" ht="33" customHeight="1" x14ac:dyDescent="0.25">
      <c r="A142" s="87" t="s">
        <v>13</v>
      </c>
      <c r="B142" s="88"/>
      <c r="C142" s="89"/>
      <c r="D142" s="87"/>
      <c r="E142" s="87"/>
      <c r="F142" s="87"/>
      <c r="G142" s="87"/>
      <c r="H142" s="90"/>
      <c r="I142" s="91"/>
      <c r="J142" s="95"/>
      <c r="K142" s="137"/>
      <c r="L142" s="97"/>
      <c r="M142" s="97"/>
      <c r="N142" s="50"/>
      <c r="O142" s="50"/>
      <c r="P142" s="50"/>
    </row>
    <row r="143" spans="1:62" s="45" customFormat="1" ht="33" customHeight="1" x14ac:dyDescent="0.25">
      <c r="A143" s="60"/>
      <c r="B143" s="61"/>
      <c r="C143" s="61"/>
      <c r="D143" s="61"/>
      <c r="E143" s="62"/>
      <c r="F143" s="62"/>
      <c r="G143" s="62"/>
      <c r="H143" s="62"/>
      <c r="I143" s="61"/>
      <c r="J143" s="61"/>
      <c r="K143" s="61"/>
      <c r="L143" s="127"/>
      <c r="M143" s="127"/>
      <c r="O143" s="63"/>
      <c r="P143" s="63"/>
    </row>
    <row r="144" spans="1:62" s="46" customFormat="1" ht="29.25" customHeight="1" x14ac:dyDescent="0.25">
      <c r="A144" s="139" t="s">
        <v>345</v>
      </c>
      <c r="B144" s="139"/>
      <c r="C144" s="139"/>
      <c r="D144" s="139"/>
      <c r="E144" s="139"/>
      <c r="F144" s="139"/>
      <c r="G144" s="139"/>
      <c r="H144" s="139"/>
      <c r="I144" s="139"/>
      <c r="J144" s="139"/>
      <c r="K144" s="139"/>
      <c r="L144" s="64"/>
      <c r="M144" s="64"/>
      <c r="N144" s="64"/>
      <c r="O144" s="64"/>
      <c r="P144" s="64"/>
    </row>
    <row r="145" spans="1:62" s="39" customFormat="1" ht="33" customHeight="1" x14ac:dyDescent="0.25">
      <c r="A145" s="128" t="s">
        <v>24</v>
      </c>
      <c r="B145" s="128" t="s">
        <v>39</v>
      </c>
      <c r="C145" s="128" t="s">
        <v>40</v>
      </c>
      <c r="D145" s="128" t="s">
        <v>30</v>
      </c>
      <c r="E145" s="128" t="s">
        <v>32</v>
      </c>
      <c r="F145" s="128" t="s">
        <v>41</v>
      </c>
      <c r="G145" s="128" t="s">
        <v>42</v>
      </c>
      <c r="H145" s="130" t="s">
        <v>45</v>
      </c>
      <c r="I145" s="131"/>
      <c r="J145" s="131"/>
      <c r="K145" s="132" t="s">
        <v>53</v>
      </c>
      <c r="L145" s="134"/>
      <c r="M145" s="134"/>
      <c r="N145" s="47"/>
      <c r="O145" s="47"/>
      <c r="P145" s="47"/>
    </row>
    <row r="146" spans="1:62" s="39" customFormat="1" ht="22.5" customHeight="1" x14ac:dyDescent="0.25">
      <c r="A146" s="129"/>
      <c r="B146" s="129"/>
      <c r="C146" s="129"/>
      <c r="D146" s="129"/>
      <c r="E146" s="129"/>
      <c r="F146" s="129"/>
      <c r="G146" s="129"/>
      <c r="H146" s="48" t="s">
        <v>26</v>
      </c>
      <c r="I146" s="49" t="s">
        <v>27</v>
      </c>
      <c r="J146" s="92" t="s">
        <v>28</v>
      </c>
      <c r="K146" s="133"/>
      <c r="L146" s="96"/>
      <c r="M146" s="96"/>
      <c r="N146" s="47"/>
      <c r="O146" s="47"/>
      <c r="P146" s="47"/>
    </row>
    <row r="147" spans="1:62" s="111" customFormat="1" ht="14.1" customHeight="1" x14ac:dyDescent="0.25">
      <c r="A147" s="102" t="s">
        <v>0</v>
      </c>
      <c r="B147" s="103" t="s">
        <v>12</v>
      </c>
      <c r="C147" s="103" t="s">
        <v>13</v>
      </c>
      <c r="D147" s="103" t="s">
        <v>14</v>
      </c>
      <c r="E147" s="112" t="s">
        <v>15</v>
      </c>
      <c r="F147" s="104" t="s">
        <v>16</v>
      </c>
      <c r="G147" s="99" t="s">
        <v>17</v>
      </c>
      <c r="H147" s="105" t="s">
        <v>18</v>
      </c>
      <c r="I147" s="106" t="s">
        <v>19</v>
      </c>
      <c r="J147" s="107" t="s">
        <v>35</v>
      </c>
      <c r="K147" s="108" t="s">
        <v>36</v>
      </c>
      <c r="L147" s="117"/>
      <c r="M147" s="117"/>
      <c r="N147" s="109"/>
      <c r="O147" s="109"/>
      <c r="P147" s="109"/>
      <c r="Q147" s="110"/>
      <c r="R147" s="110"/>
      <c r="S147" s="110"/>
      <c r="T147" s="110"/>
      <c r="U147" s="110"/>
      <c r="V147" s="110"/>
      <c r="W147" s="110"/>
      <c r="X147" s="110"/>
      <c r="Y147" s="110"/>
      <c r="Z147" s="110"/>
      <c r="AA147" s="110"/>
      <c r="AB147" s="110"/>
      <c r="AC147" s="110"/>
      <c r="AD147" s="110"/>
      <c r="AE147" s="110"/>
      <c r="AF147" s="110"/>
      <c r="AG147" s="110"/>
      <c r="AH147" s="110"/>
      <c r="AI147" s="110"/>
      <c r="AJ147" s="110"/>
      <c r="AK147" s="110"/>
      <c r="AL147" s="110"/>
      <c r="AM147" s="110"/>
      <c r="AN147" s="110"/>
      <c r="AO147" s="110"/>
      <c r="AP147" s="110"/>
      <c r="AQ147" s="110"/>
      <c r="AR147" s="110"/>
      <c r="AS147" s="110"/>
      <c r="AT147" s="110"/>
      <c r="AU147" s="110"/>
      <c r="AV147" s="110"/>
      <c r="AW147" s="110"/>
      <c r="AX147" s="110"/>
      <c r="AY147" s="110"/>
      <c r="AZ147" s="110"/>
      <c r="BA147" s="110"/>
      <c r="BB147" s="110"/>
      <c r="BC147" s="110"/>
      <c r="BD147" s="110"/>
      <c r="BE147" s="110"/>
      <c r="BF147" s="110"/>
      <c r="BG147" s="110"/>
      <c r="BH147" s="110"/>
      <c r="BI147" s="110"/>
      <c r="BJ147" s="110"/>
    </row>
    <row r="148" spans="1:62" s="40" customFormat="1" ht="33" customHeight="1" x14ac:dyDescent="0.25">
      <c r="A148" s="86" t="s">
        <v>0</v>
      </c>
      <c r="B148" s="65"/>
      <c r="C148" s="66"/>
      <c r="D148" s="84"/>
      <c r="E148" s="84"/>
      <c r="F148" s="84"/>
      <c r="G148" s="84"/>
      <c r="H148" s="67"/>
      <c r="I148" s="68"/>
      <c r="J148" s="93"/>
      <c r="K148" s="135" t="s">
        <v>69</v>
      </c>
      <c r="L148" s="97"/>
      <c r="M148" s="97"/>
      <c r="N148" s="50"/>
      <c r="O148" s="50"/>
      <c r="P148" s="50"/>
    </row>
    <row r="149" spans="1:62" s="40" customFormat="1" ht="33" customHeight="1" x14ac:dyDescent="0.25">
      <c r="A149" s="85" t="s">
        <v>12</v>
      </c>
      <c r="B149" s="69"/>
      <c r="C149" s="70"/>
      <c r="D149" s="85"/>
      <c r="E149" s="85"/>
      <c r="F149" s="85"/>
      <c r="G149" s="86"/>
      <c r="H149" s="71"/>
      <c r="I149" s="72"/>
      <c r="J149" s="94"/>
      <c r="K149" s="136"/>
      <c r="L149" s="97"/>
      <c r="M149" s="97"/>
      <c r="N149" s="50"/>
      <c r="O149" s="50"/>
      <c r="P149" s="50"/>
    </row>
    <row r="150" spans="1:62" s="40" customFormat="1" ht="33" customHeight="1" x14ac:dyDescent="0.25">
      <c r="A150" s="87" t="s">
        <v>13</v>
      </c>
      <c r="B150" s="88"/>
      <c r="C150" s="89"/>
      <c r="D150" s="87"/>
      <c r="E150" s="87"/>
      <c r="F150" s="87"/>
      <c r="G150" s="87"/>
      <c r="H150" s="90"/>
      <c r="I150" s="91"/>
      <c r="J150" s="95"/>
      <c r="K150" s="137"/>
      <c r="L150" s="97"/>
      <c r="M150" s="97"/>
      <c r="N150" s="50"/>
      <c r="O150" s="50"/>
      <c r="P150" s="50"/>
    </row>
    <row r="151" spans="1:62" s="45" customFormat="1" ht="33" customHeight="1" x14ac:dyDescent="0.25">
      <c r="A151" s="60"/>
      <c r="B151" s="61"/>
      <c r="C151" s="61"/>
      <c r="D151" s="61"/>
      <c r="E151" s="62"/>
      <c r="F151" s="62"/>
      <c r="G151" s="62"/>
      <c r="H151" s="62"/>
      <c r="I151" s="61"/>
      <c r="J151" s="61"/>
      <c r="K151" s="61"/>
      <c r="L151" s="127"/>
      <c r="M151" s="127"/>
      <c r="O151" s="63"/>
      <c r="P151" s="63"/>
    </row>
    <row r="152" spans="1:62" s="46" customFormat="1" ht="29.25" customHeight="1" x14ac:dyDescent="0.25">
      <c r="A152" s="139" t="s">
        <v>346</v>
      </c>
      <c r="B152" s="139"/>
      <c r="C152" s="139"/>
      <c r="D152" s="139"/>
      <c r="E152" s="139"/>
      <c r="F152" s="139"/>
      <c r="G152" s="139"/>
      <c r="H152" s="139"/>
      <c r="I152" s="139"/>
      <c r="J152" s="139"/>
      <c r="K152" s="139"/>
      <c r="L152" s="64"/>
      <c r="M152" s="64"/>
      <c r="N152" s="64"/>
      <c r="O152" s="64"/>
      <c r="P152" s="64"/>
    </row>
    <row r="153" spans="1:62" s="39" customFormat="1" ht="33" customHeight="1" x14ac:dyDescent="0.25">
      <c r="A153" s="128" t="s">
        <v>24</v>
      </c>
      <c r="B153" s="128" t="s">
        <v>39</v>
      </c>
      <c r="C153" s="128" t="s">
        <v>40</v>
      </c>
      <c r="D153" s="128" t="s">
        <v>30</v>
      </c>
      <c r="E153" s="128" t="s">
        <v>32</v>
      </c>
      <c r="F153" s="128" t="s">
        <v>41</v>
      </c>
      <c r="G153" s="128" t="s">
        <v>42</v>
      </c>
      <c r="H153" s="130" t="s">
        <v>45</v>
      </c>
      <c r="I153" s="131"/>
      <c r="J153" s="131"/>
      <c r="K153" s="132" t="s">
        <v>53</v>
      </c>
      <c r="L153" s="134"/>
      <c r="M153" s="134"/>
      <c r="N153" s="47"/>
      <c r="O153" s="47"/>
      <c r="P153" s="47"/>
    </row>
    <row r="154" spans="1:62" s="39" customFormat="1" ht="22.5" customHeight="1" x14ac:dyDescent="0.25">
      <c r="A154" s="129"/>
      <c r="B154" s="129"/>
      <c r="C154" s="129"/>
      <c r="D154" s="129"/>
      <c r="E154" s="129"/>
      <c r="F154" s="129"/>
      <c r="G154" s="129"/>
      <c r="H154" s="48" t="s">
        <v>26</v>
      </c>
      <c r="I154" s="49" t="s">
        <v>27</v>
      </c>
      <c r="J154" s="92" t="s">
        <v>28</v>
      </c>
      <c r="K154" s="133"/>
      <c r="L154" s="96"/>
      <c r="M154" s="96"/>
      <c r="N154" s="47"/>
      <c r="O154" s="47"/>
      <c r="P154" s="47"/>
    </row>
    <row r="155" spans="1:62" s="111" customFormat="1" ht="14.1" customHeight="1" x14ac:dyDescent="0.25">
      <c r="A155" s="102" t="s">
        <v>0</v>
      </c>
      <c r="B155" s="103" t="s">
        <v>12</v>
      </c>
      <c r="C155" s="103" t="s">
        <v>13</v>
      </c>
      <c r="D155" s="103" t="s">
        <v>14</v>
      </c>
      <c r="E155" s="112" t="s">
        <v>15</v>
      </c>
      <c r="F155" s="104" t="s">
        <v>16</v>
      </c>
      <c r="G155" s="99" t="s">
        <v>17</v>
      </c>
      <c r="H155" s="105" t="s">
        <v>18</v>
      </c>
      <c r="I155" s="106" t="s">
        <v>19</v>
      </c>
      <c r="J155" s="107" t="s">
        <v>35</v>
      </c>
      <c r="K155" s="108" t="s">
        <v>36</v>
      </c>
      <c r="L155" s="117"/>
      <c r="M155" s="117"/>
      <c r="N155" s="109"/>
      <c r="O155" s="109"/>
      <c r="P155" s="109"/>
      <c r="Q155" s="110"/>
      <c r="R155" s="110"/>
      <c r="S155" s="110"/>
      <c r="T155" s="110"/>
      <c r="U155" s="110"/>
      <c r="V155" s="110"/>
      <c r="W155" s="110"/>
      <c r="X155" s="110"/>
      <c r="Y155" s="110"/>
      <c r="Z155" s="110"/>
      <c r="AA155" s="110"/>
      <c r="AB155" s="110"/>
      <c r="AC155" s="110"/>
      <c r="AD155" s="110"/>
      <c r="AE155" s="110"/>
      <c r="AF155" s="110"/>
      <c r="AG155" s="110"/>
      <c r="AH155" s="110"/>
      <c r="AI155" s="110"/>
      <c r="AJ155" s="110"/>
      <c r="AK155" s="110"/>
      <c r="AL155" s="110"/>
      <c r="AM155" s="110"/>
      <c r="AN155" s="110"/>
      <c r="AO155" s="110"/>
      <c r="AP155" s="110"/>
      <c r="AQ155" s="110"/>
      <c r="AR155" s="110"/>
      <c r="AS155" s="110"/>
      <c r="AT155" s="110"/>
      <c r="AU155" s="110"/>
      <c r="AV155" s="110"/>
      <c r="AW155" s="110"/>
      <c r="AX155" s="110"/>
      <c r="AY155" s="110"/>
      <c r="AZ155" s="110"/>
      <c r="BA155" s="110"/>
      <c r="BB155" s="110"/>
      <c r="BC155" s="110"/>
      <c r="BD155" s="110"/>
      <c r="BE155" s="110"/>
      <c r="BF155" s="110"/>
      <c r="BG155" s="110"/>
      <c r="BH155" s="110"/>
      <c r="BI155" s="110"/>
      <c r="BJ155" s="110"/>
    </row>
    <row r="156" spans="1:62" s="40" customFormat="1" ht="33" customHeight="1" x14ac:dyDescent="0.25">
      <c r="A156" s="86" t="s">
        <v>0</v>
      </c>
      <c r="B156" s="65"/>
      <c r="C156" s="66"/>
      <c r="D156" s="84"/>
      <c r="E156" s="84"/>
      <c r="F156" s="84"/>
      <c r="G156" s="84"/>
      <c r="H156" s="67"/>
      <c r="I156" s="68"/>
      <c r="J156" s="93"/>
      <c r="K156" s="135" t="s">
        <v>69</v>
      </c>
      <c r="L156" s="97"/>
      <c r="M156" s="97"/>
      <c r="N156" s="50"/>
      <c r="O156" s="50"/>
      <c r="P156" s="50"/>
    </row>
    <row r="157" spans="1:62" s="40" customFormat="1" ht="33" customHeight="1" x14ac:dyDescent="0.25">
      <c r="A157" s="85" t="s">
        <v>12</v>
      </c>
      <c r="B157" s="69"/>
      <c r="C157" s="70"/>
      <c r="D157" s="85"/>
      <c r="E157" s="85"/>
      <c r="F157" s="85"/>
      <c r="G157" s="86"/>
      <c r="H157" s="71"/>
      <c r="I157" s="72"/>
      <c r="J157" s="94"/>
      <c r="K157" s="136"/>
      <c r="L157" s="97"/>
      <c r="M157" s="97"/>
      <c r="N157" s="50"/>
      <c r="O157" s="50"/>
      <c r="P157" s="50"/>
    </row>
    <row r="158" spans="1:62" s="40" customFormat="1" ht="33" customHeight="1" x14ac:dyDescent="0.25">
      <c r="A158" s="87" t="s">
        <v>13</v>
      </c>
      <c r="B158" s="88"/>
      <c r="C158" s="89"/>
      <c r="D158" s="87"/>
      <c r="E158" s="87"/>
      <c r="F158" s="87"/>
      <c r="G158" s="87"/>
      <c r="H158" s="90"/>
      <c r="I158" s="91"/>
      <c r="J158" s="95"/>
      <c r="K158" s="137"/>
      <c r="L158" s="97"/>
      <c r="M158" s="97"/>
      <c r="N158" s="50"/>
      <c r="O158" s="50"/>
      <c r="P158" s="50"/>
    </row>
    <row r="159" spans="1:62" s="13" customFormat="1" ht="15.75" customHeight="1" x14ac:dyDescent="0.2">
      <c r="A159" s="23"/>
      <c r="B159" s="23"/>
      <c r="C159" s="10"/>
      <c r="D159" s="41"/>
      <c r="F159" s="14"/>
      <c r="G159" s="14"/>
      <c r="H159" s="14"/>
      <c r="I159" s="14"/>
      <c r="J159" s="26"/>
      <c r="K159" s="26"/>
      <c r="L159" s="26"/>
      <c r="M159" s="26"/>
    </row>
    <row r="160" spans="1:62" s="46" customFormat="1" ht="29.25" customHeight="1" x14ac:dyDescent="0.25">
      <c r="A160" s="139" t="s">
        <v>347</v>
      </c>
      <c r="B160" s="139"/>
      <c r="C160" s="139"/>
      <c r="D160" s="139"/>
      <c r="E160" s="139"/>
      <c r="F160" s="139"/>
      <c r="G160" s="139"/>
      <c r="H160" s="139"/>
      <c r="I160" s="139"/>
      <c r="J160" s="139"/>
      <c r="K160" s="139"/>
      <c r="L160" s="64"/>
      <c r="M160" s="64"/>
      <c r="N160" s="64"/>
      <c r="O160" s="64"/>
      <c r="P160" s="64"/>
    </row>
    <row r="161" spans="1:62" s="39" customFormat="1" ht="33" customHeight="1" x14ac:dyDescent="0.25">
      <c r="A161" s="128" t="s">
        <v>24</v>
      </c>
      <c r="B161" s="128" t="s">
        <v>39</v>
      </c>
      <c r="C161" s="128" t="s">
        <v>40</v>
      </c>
      <c r="D161" s="128" t="s">
        <v>30</v>
      </c>
      <c r="E161" s="128" t="s">
        <v>32</v>
      </c>
      <c r="F161" s="128" t="s">
        <v>41</v>
      </c>
      <c r="G161" s="128" t="s">
        <v>42</v>
      </c>
      <c r="H161" s="130" t="s">
        <v>45</v>
      </c>
      <c r="I161" s="131"/>
      <c r="J161" s="131"/>
      <c r="K161" s="132" t="s">
        <v>53</v>
      </c>
      <c r="L161" s="134"/>
      <c r="M161" s="134"/>
      <c r="N161" s="47"/>
      <c r="O161" s="47"/>
      <c r="P161" s="47"/>
    </row>
    <row r="162" spans="1:62" s="39" customFormat="1" ht="22.5" customHeight="1" x14ac:dyDescent="0.25">
      <c r="A162" s="129"/>
      <c r="B162" s="129"/>
      <c r="C162" s="129"/>
      <c r="D162" s="129"/>
      <c r="E162" s="129"/>
      <c r="F162" s="129"/>
      <c r="G162" s="129"/>
      <c r="H162" s="48" t="s">
        <v>26</v>
      </c>
      <c r="I162" s="49" t="s">
        <v>27</v>
      </c>
      <c r="J162" s="92" t="s">
        <v>28</v>
      </c>
      <c r="K162" s="133"/>
      <c r="L162" s="96"/>
      <c r="M162" s="96"/>
      <c r="N162" s="47"/>
      <c r="O162" s="47"/>
      <c r="P162" s="47"/>
    </row>
    <row r="163" spans="1:62" s="111" customFormat="1" ht="14.1" customHeight="1" x14ac:dyDescent="0.25">
      <c r="A163" s="102" t="s">
        <v>0</v>
      </c>
      <c r="B163" s="103" t="s">
        <v>12</v>
      </c>
      <c r="C163" s="103" t="s">
        <v>13</v>
      </c>
      <c r="D163" s="103" t="s">
        <v>14</v>
      </c>
      <c r="E163" s="112" t="s">
        <v>15</v>
      </c>
      <c r="F163" s="104" t="s">
        <v>16</v>
      </c>
      <c r="G163" s="99" t="s">
        <v>17</v>
      </c>
      <c r="H163" s="105" t="s">
        <v>18</v>
      </c>
      <c r="I163" s="106" t="s">
        <v>19</v>
      </c>
      <c r="J163" s="107" t="s">
        <v>35</v>
      </c>
      <c r="K163" s="108" t="s">
        <v>36</v>
      </c>
      <c r="L163" s="117"/>
      <c r="M163" s="117"/>
      <c r="N163" s="109"/>
      <c r="O163" s="109"/>
      <c r="P163" s="109"/>
      <c r="Q163" s="110"/>
      <c r="R163" s="110"/>
      <c r="S163" s="110"/>
      <c r="T163" s="110"/>
      <c r="U163" s="110"/>
      <c r="V163" s="110"/>
      <c r="W163" s="110"/>
      <c r="X163" s="110"/>
      <c r="Y163" s="110"/>
      <c r="Z163" s="110"/>
      <c r="AA163" s="110"/>
      <c r="AB163" s="110"/>
      <c r="AC163" s="110"/>
      <c r="AD163" s="110"/>
      <c r="AE163" s="110"/>
      <c r="AF163" s="110"/>
      <c r="AG163" s="110"/>
      <c r="AH163" s="110"/>
      <c r="AI163" s="110"/>
      <c r="AJ163" s="110"/>
      <c r="AK163" s="110"/>
      <c r="AL163" s="110"/>
      <c r="AM163" s="110"/>
      <c r="AN163" s="110"/>
      <c r="AO163" s="110"/>
      <c r="AP163" s="110"/>
      <c r="AQ163" s="110"/>
      <c r="AR163" s="110"/>
      <c r="AS163" s="110"/>
      <c r="AT163" s="110"/>
      <c r="AU163" s="110"/>
      <c r="AV163" s="110"/>
      <c r="AW163" s="110"/>
      <c r="AX163" s="110"/>
      <c r="AY163" s="110"/>
      <c r="AZ163" s="110"/>
      <c r="BA163" s="110"/>
      <c r="BB163" s="110"/>
      <c r="BC163" s="110"/>
      <c r="BD163" s="110"/>
      <c r="BE163" s="110"/>
      <c r="BF163" s="110"/>
      <c r="BG163" s="110"/>
      <c r="BH163" s="110"/>
      <c r="BI163" s="110"/>
      <c r="BJ163" s="110"/>
    </row>
    <row r="164" spans="1:62" s="40" customFormat="1" ht="33" customHeight="1" x14ac:dyDescent="0.25">
      <c r="A164" s="86" t="s">
        <v>0</v>
      </c>
      <c r="B164" s="65"/>
      <c r="C164" s="66"/>
      <c r="D164" s="84"/>
      <c r="E164" s="84"/>
      <c r="F164" s="84"/>
      <c r="G164" s="84"/>
      <c r="H164" s="67"/>
      <c r="I164" s="68"/>
      <c r="J164" s="93"/>
      <c r="K164" s="135" t="s">
        <v>69</v>
      </c>
      <c r="L164" s="97"/>
      <c r="M164" s="97"/>
      <c r="N164" s="50"/>
      <c r="O164" s="50"/>
      <c r="P164" s="50"/>
    </row>
    <row r="165" spans="1:62" s="40" customFormat="1" ht="33" customHeight="1" x14ac:dyDescent="0.25">
      <c r="A165" s="85" t="s">
        <v>12</v>
      </c>
      <c r="B165" s="69"/>
      <c r="C165" s="70"/>
      <c r="D165" s="85"/>
      <c r="E165" s="85"/>
      <c r="F165" s="85"/>
      <c r="G165" s="86"/>
      <c r="H165" s="71"/>
      <c r="I165" s="72"/>
      <c r="J165" s="94"/>
      <c r="K165" s="136"/>
      <c r="L165" s="97"/>
      <c r="M165" s="97"/>
      <c r="N165" s="50"/>
      <c r="O165" s="50"/>
      <c r="P165" s="50"/>
    </row>
    <row r="166" spans="1:62" s="40" customFormat="1" ht="33" customHeight="1" x14ac:dyDescent="0.25">
      <c r="A166" s="87" t="s">
        <v>13</v>
      </c>
      <c r="B166" s="88"/>
      <c r="C166" s="89"/>
      <c r="D166" s="87"/>
      <c r="E166" s="87"/>
      <c r="F166" s="87"/>
      <c r="G166" s="87"/>
      <c r="H166" s="90"/>
      <c r="I166" s="91"/>
      <c r="J166" s="95"/>
      <c r="K166" s="137"/>
      <c r="L166" s="97"/>
      <c r="M166" s="97"/>
      <c r="N166" s="50"/>
      <c r="O166" s="50"/>
      <c r="P166" s="50"/>
    </row>
    <row r="167" spans="1:62" s="45" customFormat="1" ht="33" customHeight="1" x14ac:dyDescent="0.25">
      <c r="A167" s="60"/>
      <c r="B167" s="61"/>
      <c r="C167" s="61"/>
      <c r="D167" s="61"/>
      <c r="E167" s="62"/>
      <c r="F167" s="62"/>
      <c r="G167" s="62"/>
      <c r="H167" s="62"/>
      <c r="I167" s="61"/>
      <c r="J167" s="61"/>
      <c r="K167" s="61"/>
      <c r="L167" s="127"/>
      <c r="M167" s="127"/>
      <c r="O167" s="63"/>
      <c r="P167" s="63"/>
    </row>
    <row r="168" spans="1:62" s="46" customFormat="1" ht="29.25" customHeight="1" x14ac:dyDescent="0.25">
      <c r="A168" s="139" t="s">
        <v>348</v>
      </c>
      <c r="B168" s="139"/>
      <c r="C168" s="139"/>
      <c r="D168" s="139"/>
      <c r="E168" s="139"/>
      <c r="F168" s="139"/>
      <c r="G168" s="139"/>
      <c r="H168" s="139"/>
      <c r="I168" s="139"/>
      <c r="J168" s="139"/>
      <c r="K168" s="139"/>
      <c r="L168" s="64"/>
      <c r="M168" s="64"/>
      <c r="N168" s="64"/>
      <c r="O168" s="64"/>
      <c r="P168" s="64"/>
    </row>
    <row r="169" spans="1:62" s="39" customFormat="1" ht="33" customHeight="1" x14ac:dyDescent="0.25">
      <c r="A169" s="128" t="s">
        <v>24</v>
      </c>
      <c r="B169" s="128" t="s">
        <v>39</v>
      </c>
      <c r="C169" s="128" t="s">
        <v>40</v>
      </c>
      <c r="D169" s="128" t="s">
        <v>30</v>
      </c>
      <c r="E169" s="128" t="s">
        <v>32</v>
      </c>
      <c r="F169" s="128" t="s">
        <v>41</v>
      </c>
      <c r="G169" s="128" t="s">
        <v>42</v>
      </c>
      <c r="H169" s="130" t="s">
        <v>45</v>
      </c>
      <c r="I169" s="131"/>
      <c r="J169" s="131"/>
      <c r="K169" s="132" t="s">
        <v>53</v>
      </c>
      <c r="L169" s="134"/>
      <c r="M169" s="134"/>
      <c r="N169" s="47"/>
      <c r="O169" s="47"/>
      <c r="P169" s="47"/>
    </row>
    <row r="170" spans="1:62" s="39" customFormat="1" ht="22.5" customHeight="1" x14ac:dyDescent="0.25">
      <c r="A170" s="129"/>
      <c r="B170" s="129"/>
      <c r="C170" s="129"/>
      <c r="D170" s="129"/>
      <c r="E170" s="129"/>
      <c r="F170" s="129"/>
      <c r="G170" s="129"/>
      <c r="H170" s="48" t="s">
        <v>26</v>
      </c>
      <c r="I170" s="49" t="s">
        <v>27</v>
      </c>
      <c r="J170" s="92" t="s">
        <v>28</v>
      </c>
      <c r="K170" s="133"/>
      <c r="L170" s="96"/>
      <c r="M170" s="96"/>
      <c r="N170" s="47"/>
      <c r="O170" s="47"/>
      <c r="P170" s="47"/>
    </row>
    <row r="171" spans="1:62" s="111" customFormat="1" ht="14.1" customHeight="1" x14ac:dyDescent="0.25">
      <c r="A171" s="102" t="s">
        <v>0</v>
      </c>
      <c r="B171" s="103" t="s">
        <v>12</v>
      </c>
      <c r="C171" s="103" t="s">
        <v>13</v>
      </c>
      <c r="D171" s="103" t="s">
        <v>14</v>
      </c>
      <c r="E171" s="112" t="s">
        <v>15</v>
      </c>
      <c r="F171" s="104" t="s">
        <v>16</v>
      </c>
      <c r="G171" s="99" t="s">
        <v>17</v>
      </c>
      <c r="H171" s="105" t="s">
        <v>18</v>
      </c>
      <c r="I171" s="106" t="s">
        <v>19</v>
      </c>
      <c r="J171" s="107" t="s">
        <v>35</v>
      </c>
      <c r="K171" s="108" t="s">
        <v>36</v>
      </c>
      <c r="L171" s="117"/>
      <c r="M171" s="117"/>
      <c r="N171" s="109"/>
      <c r="O171" s="109"/>
      <c r="P171" s="109"/>
      <c r="Q171" s="110"/>
      <c r="R171" s="110"/>
      <c r="S171" s="110"/>
      <c r="T171" s="110"/>
      <c r="U171" s="110"/>
      <c r="V171" s="110"/>
      <c r="W171" s="110"/>
      <c r="X171" s="110"/>
      <c r="Y171" s="110"/>
      <c r="Z171" s="110"/>
      <c r="AA171" s="110"/>
      <c r="AB171" s="110"/>
      <c r="AC171" s="110"/>
      <c r="AD171" s="110"/>
      <c r="AE171" s="110"/>
      <c r="AF171" s="110"/>
      <c r="AG171" s="110"/>
      <c r="AH171" s="110"/>
      <c r="AI171" s="110"/>
      <c r="AJ171" s="110"/>
      <c r="AK171" s="110"/>
      <c r="AL171" s="110"/>
      <c r="AM171" s="110"/>
      <c r="AN171" s="110"/>
      <c r="AO171" s="110"/>
      <c r="AP171" s="110"/>
      <c r="AQ171" s="110"/>
      <c r="AR171" s="110"/>
      <c r="AS171" s="110"/>
      <c r="AT171" s="110"/>
      <c r="AU171" s="110"/>
      <c r="AV171" s="110"/>
      <c r="AW171" s="110"/>
      <c r="AX171" s="110"/>
      <c r="AY171" s="110"/>
      <c r="AZ171" s="110"/>
      <c r="BA171" s="110"/>
      <c r="BB171" s="110"/>
      <c r="BC171" s="110"/>
      <c r="BD171" s="110"/>
      <c r="BE171" s="110"/>
      <c r="BF171" s="110"/>
      <c r="BG171" s="110"/>
      <c r="BH171" s="110"/>
      <c r="BI171" s="110"/>
      <c r="BJ171" s="110"/>
    </row>
    <row r="172" spans="1:62" s="40" customFormat="1" ht="33" customHeight="1" x14ac:dyDescent="0.25">
      <c r="A172" s="86" t="s">
        <v>0</v>
      </c>
      <c r="B172" s="65"/>
      <c r="C172" s="66"/>
      <c r="D172" s="84"/>
      <c r="E172" s="84"/>
      <c r="F172" s="84"/>
      <c r="G172" s="84"/>
      <c r="H172" s="67"/>
      <c r="I172" s="68"/>
      <c r="J172" s="93"/>
      <c r="K172" s="135" t="s">
        <v>69</v>
      </c>
      <c r="L172" s="97"/>
      <c r="M172" s="97"/>
      <c r="N172" s="50"/>
      <c r="O172" s="50"/>
      <c r="P172" s="50"/>
    </row>
    <row r="173" spans="1:62" s="40" customFormat="1" ht="33" customHeight="1" x14ac:dyDescent="0.25">
      <c r="A173" s="85" t="s">
        <v>12</v>
      </c>
      <c r="B173" s="69"/>
      <c r="C173" s="70"/>
      <c r="D173" s="85"/>
      <c r="E173" s="85"/>
      <c r="F173" s="85"/>
      <c r="G173" s="86"/>
      <c r="H173" s="71"/>
      <c r="I173" s="72"/>
      <c r="J173" s="94"/>
      <c r="K173" s="136"/>
      <c r="L173" s="97"/>
      <c r="M173" s="97"/>
      <c r="N173" s="50"/>
      <c r="O173" s="50"/>
      <c r="P173" s="50"/>
    </row>
    <row r="174" spans="1:62" s="40" customFormat="1" ht="33" customHeight="1" x14ac:dyDescent="0.25">
      <c r="A174" s="87" t="s">
        <v>13</v>
      </c>
      <c r="B174" s="88"/>
      <c r="C174" s="89"/>
      <c r="D174" s="87"/>
      <c r="E174" s="87"/>
      <c r="F174" s="87"/>
      <c r="G174" s="87"/>
      <c r="H174" s="90"/>
      <c r="I174" s="91"/>
      <c r="J174" s="95"/>
      <c r="K174" s="137"/>
      <c r="L174" s="97"/>
      <c r="M174" s="97"/>
      <c r="N174" s="50"/>
      <c r="O174" s="50"/>
      <c r="P174" s="50"/>
    </row>
    <row r="175" spans="1:62" s="13" customFormat="1" ht="15.75" customHeight="1" x14ac:dyDescent="0.2">
      <c r="A175" s="23"/>
      <c r="B175" s="23"/>
      <c r="C175" s="10"/>
      <c r="D175" s="41"/>
      <c r="F175" s="14"/>
      <c r="G175" s="14"/>
      <c r="H175" s="14"/>
      <c r="I175" s="14"/>
      <c r="J175" s="26"/>
      <c r="K175" s="26"/>
      <c r="L175" s="26"/>
      <c r="M175" s="26"/>
    </row>
    <row r="176" spans="1:62" s="46" customFormat="1" ht="29.25" customHeight="1" x14ac:dyDescent="0.25">
      <c r="A176" s="139" t="s">
        <v>349</v>
      </c>
      <c r="B176" s="139"/>
      <c r="C176" s="139"/>
      <c r="D176" s="139"/>
      <c r="E176" s="139"/>
      <c r="F176" s="139"/>
      <c r="G176" s="139"/>
      <c r="H176" s="139"/>
      <c r="I176" s="139"/>
      <c r="J176" s="139"/>
      <c r="K176" s="139"/>
      <c r="L176" s="64"/>
      <c r="M176" s="64"/>
      <c r="N176" s="64"/>
      <c r="O176" s="64"/>
      <c r="P176" s="64"/>
    </row>
    <row r="177" spans="1:62" s="39" customFormat="1" ht="33" customHeight="1" x14ac:dyDescent="0.25">
      <c r="A177" s="128" t="s">
        <v>24</v>
      </c>
      <c r="B177" s="128" t="s">
        <v>39</v>
      </c>
      <c r="C177" s="128" t="s">
        <v>40</v>
      </c>
      <c r="D177" s="128" t="s">
        <v>30</v>
      </c>
      <c r="E177" s="128" t="s">
        <v>32</v>
      </c>
      <c r="F177" s="128" t="s">
        <v>41</v>
      </c>
      <c r="G177" s="128" t="s">
        <v>42</v>
      </c>
      <c r="H177" s="130" t="s">
        <v>45</v>
      </c>
      <c r="I177" s="131"/>
      <c r="J177" s="131"/>
      <c r="K177" s="132" t="s">
        <v>53</v>
      </c>
      <c r="L177" s="134"/>
      <c r="M177" s="134"/>
      <c r="N177" s="47"/>
      <c r="O177" s="47"/>
      <c r="P177" s="47"/>
    </row>
    <row r="178" spans="1:62" s="39" customFormat="1" ht="22.5" customHeight="1" x14ac:dyDescent="0.25">
      <c r="A178" s="129"/>
      <c r="B178" s="129"/>
      <c r="C178" s="129"/>
      <c r="D178" s="129"/>
      <c r="E178" s="129"/>
      <c r="F178" s="129"/>
      <c r="G178" s="129"/>
      <c r="H178" s="48" t="s">
        <v>26</v>
      </c>
      <c r="I178" s="49" t="s">
        <v>27</v>
      </c>
      <c r="J178" s="92" t="s">
        <v>28</v>
      </c>
      <c r="K178" s="133"/>
      <c r="L178" s="96"/>
      <c r="M178" s="96"/>
      <c r="N178" s="47"/>
      <c r="O178" s="47"/>
      <c r="P178" s="47"/>
    </row>
    <row r="179" spans="1:62" s="111" customFormat="1" ht="14.1" customHeight="1" x14ac:dyDescent="0.25">
      <c r="A179" s="102" t="s">
        <v>0</v>
      </c>
      <c r="B179" s="103" t="s">
        <v>12</v>
      </c>
      <c r="C179" s="103" t="s">
        <v>13</v>
      </c>
      <c r="D179" s="103" t="s">
        <v>14</v>
      </c>
      <c r="E179" s="112" t="s">
        <v>15</v>
      </c>
      <c r="F179" s="104" t="s">
        <v>16</v>
      </c>
      <c r="G179" s="99" t="s">
        <v>17</v>
      </c>
      <c r="H179" s="105" t="s">
        <v>18</v>
      </c>
      <c r="I179" s="106" t="s">
        <v>19</v>
      </c>
      <c r="J179" s="107" t="s">
        <v>35</v>
      </c>
      <c r="K179" s="108" t="s">
        <v>36</v>
      </c>
      <c r="L179" s="117"/>
      <c r="M179" s="117"/>
      <c r="N179" s="109"/>
      <c r="O179" s="109"/>
      <c r="P179" s="109"/>
      <c r="Q179" s="110"/>
      <c r="R179" s="110"/>
      <c r="S179" s="110"/>
      <c r="T179" s="110"/>
      <c r="U179" s="110"/>
      <c r="V179" s="110"/>
      <c r="W179" s="110"/>
      <c r="X179" s="110"/>
      <c r="Y179" s="110"/>
      <c r="Z179" s="110"/>
      <c r="AA179" s="110"/>
      <c r="AB179" s="110"/>
      <c r="AC179" s="110"/>
      <c r="AD179" s="110"/>
      <c r="AE179" s="110"/>
      <c r="AF179" s="110"/>
      <c r="AG179" s="110"/>
      <c r="AH179" s="110"/>
      <c r="AI179" s="110"/>
      <c r="AJ179" s="110"/>
      <c r="AK179" s="110"/>
      <c r="AL179" s="110"/>
      <c r="AM179" s="110"/>
      <c r="AN179" s="110"/>
      <c r="AO179" s="110"/>
      <c r="AP179" s="110"/>
      <c r="AQ179" s="110"/>
      <c r="AR179" s="110"/>
      <c r="AS179" s="110"/>
      <c r="AT179" s="110"/>
      <c r="AU179" s="110"/>
      <c r="AV179" s="110"/>
      <c r="AW179" s="110"/>
      <c r="AX179" s="110"/>
      <c r="AY179" s="110"/>
      <c r="AZ179" s="110"/>
      <c r="BA179" s="110"/>
      <c r="BB179" s="110"/>
      <c r="BC179" s="110"/>
      <c r="BD179" s="110"/>
      <c r="BE179" s="110"/>
      <c r="BF179" s="110"/>
      <c r="BG179" s="110"/>
      <c r="BH179" s="110"/>
      <c r="BI179" s="110"/>
      <c r="BJ179" s="110"/>
    </row>
    <row r="180" spans="1:62" s="40" customFormat="1" ht="33" customHeight="1" x14ac:dyDescent="0.25">
      <c r="A180" s="86" t="s">
        <v>0</v>
      </c>
      <c r="B180" s="65"/>
      <c r="C180" s="66"/>
      <c r="D180" s="84"/>
      <c r="E180" s="84"/>
      <c r="F180" s="84"/>
      <c r="G180" s="84"/>
      <c r="H180" s="67"/>
      <c r="I180" s="68"/>
      <c r="J180" s="93"/>
      <c r="K180" s="135" t="s">
        <v>71</v>
      </c>
      <c r="L180" s="97"/>
      <c r="M180" s="97"/>
      <c r="N180" s="50"/>
      <c r="O180" s="50"/>
      <c r="P180" s="50"/>
    </row>
    <row r="181" spans="1:62" s="40" customFormat="1" ht="33" customHeight="1" x14ac:dyDescent="0.25">
      <c r="A181" s="85" t="s">
        <v>12</v>
      </c>
      <c r="B181" s="69"/>
      <c r="C181" s="70"/>
      <c r="D181" s="85"/>
      <c r="E181" s="85"/>
      <c r="F181" s="85"/>
      <c r="G181" s="86"/>
      <c r="H181" s="71"/>
      <c r="I181" s="72"/>
      <c r="J181" s="94"/>
      <c r="K181" s="136"/>
      <c r="L181" s="97"/>
      <c r="M181" s="97"/>
      <c r="N181" s="50"/>
      <c r="O181" s="50"/>
      <c r="P181" s="50"/>
    </row>
    <row r="182" spans="1:62" s="40" customFormat="1" ht="33" customHeight="1" x14ac:dyDescent="0.25">
      <c r="A182" s="87" t="s">
        <v>13</v>
      </c>
      <c r="B182" s="88"/>
      <c r="C182" s="89"/>
      <c r="D182" s="87"/>
      <c r="E182" s="87"/>
      <c r="F182" s="87"/>
      <c r="G182" s="87"/>
      <c r="H182" s="90"/>
      <c r="I182" s="91"/>
      <c r="J182" s="95"/>
      <c r="K182" s="137"/>
      <c r="L182" s="97"/>
      <c r="M182" s="97"/>
      <c r="N182" s="50"/>
      <c r="O182" s="50"/>
      <c r="P182" s="50"/>
    </row>
    <row r="183" spans="1:62" s="45" customFormat="1" ht="33" customHeight="1" x14ac:dyDescent="0.25">
      <c r="A183" s="60"/>
      <c r="B183" s="61"/>
      <c r="C183" s="61"/>
      <c r="D183" s="61"/>
      <c r="E183" s="62"/>
      <c r="F183" s="62"/>
      <c r="G183" s="62"/>
      <c r="H183" s="62"/>
      <c r="I183" s="61"/>
      <c r="J183" s="61"/>
      <c r="K183" s="61"/>
      <c r="L183" s="127"/>
      <c r="M183" s="127"/>
      <c r="O183" s="63"/>
      <c r="P183" s="63"/>
    </row>
    <row r="184" spans="1:62" s="46" customFormat="1" ht="29.25" customHeight="1" x14ac:dyDescent="0.25">
      <c r="A184" s="139" t="s">
        <v>350</v>
      </c>
      <c r="B184" s="139"/>
      <c r="C184" s="139"/>
      <c r="D184" s="139"/>
      <c r="E184" s="139"/>
      <c r="F184" s="139"/>
      <c r="G184" s="139"/>
      <c r="H184" s="139"/>
      <c r="I184" s="139"/>
      <c r="J184" s="139"/>
      <c r="K184" s="139"/>
      <c r="L184" s="64"/>
      <c r="M184" s="64"/>
      <c r="N184" s="64"/>
      <c r="O184" s="64"/>
      <c r="P184" s="64"/>
    </row>
    <row r="185" spans="1:62" s="39" customFormat="1" ht="33" customHeight="1" x14ac:dyDescent="0.25">
      <c r="A185" s="128" t="s">
        <v>24</v>
      </c>
      <c r="B185" s="128" t="s">
        <v>39</v>
      </c>
      <c r="C185" s="128" t="s">
        <v>40</v>
      </c>
      <c r="D185" s="128" t="s">
        <v>30</v>
      </c>
      <c r="E185" s="128" t="s">
        <v>32</v>
      </c>
      <c r="F185" s="128" t="s">
        <v>41</v>
      </c>
      <c r="G185" s="128" t="s">
        <v>42</v>
      </c>
      <c r="H185" s="130" t="s">
        <v>45</v>
      </c>
      <c r="I185" s="131"/>
      <c r="J185" s="131"/>
      <c r="K185" s="132" t="s">
        <v>53</v>
      </c>
      <c r="L185" s="134"/>
      <c r="M185" s="134"/>
      <c r="N185" s="47"/>
      <c r="O185" s="47"/>
      <c r="P185" s="47"/>
    </row>
    <row r="186" spans="1:62" s="39" customFormat="1" ht="22.5" customHeight="1" x14ac:dyDescent="0.25">
      <c r="A186" s="129"/>
      <c r="B186" s="129"/>
      <c r="C186" s="129"/>
      <c r="D186" s="129"/>
      <c r="E186" s="129"/>
      <c r="F186" s="129"/>
      <c r="G186" s="129"/>
      <c r="H186" s="48" t="s">
        <v>26</v>
      </c>
      <c r="I186" s="49" t="s">
        <v>27</v>
      </c>
      <c r="J186" s="92" t="s">
        <v>28</v>
      </c>
      <c r="K186" s="133"/>
      <c r="L186" s="96"/>
      <c r="M186" s="96"/>
      <c r="N186" s="47"/>
      <c r="O186" s="47"/>
      <c r="P186" s="47"/>
    </row>
    <row r="187" spans="1:62" s="111" customFormat="1" ht="14.1" customHeight="1" x14ac:dyDescent="0.25">
      <c r="A187" s="102" t="s">
        <v>0</v>
      </c>
      <c r="B187" s="103" t="s">
        <v>12</v>
      </c>
      <c r="C187" s="103" t="s">
        <v>13</v>
      </c>
      <c r="D187" s="103" t="s">
        <v>14</v>
      </c>
      <c r="E187" s="112" t="s">
        <v>15</v>
      </c>
      <c r="F187" s="104" t="s">
        <v>16</v>
      </c>
      <c r="G187" s="99" t="s">
        <v>17</v>
      </c>
      <c r="H187" s="105" t="s">
        <v>18</v>
      </c>
      <c r="I187" s="106" t="s">
        <v>19</v>
      </c>
      <c r="J187" s="107" t="s">
        <v>35</v>
      </c>
      <c r="K187" s="108" t="s">
        <v>36</v>
      </c>
      <c r="L187" s="117"/>
      <c r="M187" s="117"/>
      <c r="N187" s="109"/>
      <c r="O187" s="109"/>
      <c r="P187" s="109"/>
      <c r="Q187" s="110"/>
      <c r="R187" s="110"/>
      <c r="S187" s="110"/>
      <c r="T187" s="110"/>
      <c r="U187" s="110"/>
      <c r="V187" s="110"/>
      <c r="W187" s="110"/>
      <c r="X187" s="110"/>
      <c r="Y187" s="110"/>
      <c r="Z187" s="110"/>
      <c r="AA187" s="110"/>
      <c r="AB187" s="110"/>
      <c r="AC187" s="110"/>
      <c r="AD187" s="110"/>
      <c r="AE187" s="110"/>
      <c r="AF187" s="110"/>
      <c r="AG187" s="110"/>
      <c r="AH187" s="110"/>
      <c r="AI187" s="110"/>
      <c r="AJ187" s="110"/>
      <c r="AK187" s="110"/>
      <c r="AL187" s="110"/>
      <c r="AM187" s="110"/>
      <c r="AN187" s="110"/>
      <c r="AO187" s="110"/>
      <c r="AP187" s="110"/>
      <c r="AQ187" s="110"/>
      <c r="AR187" s="110"/>
      <c r="AS187" s="110"/>
      <c r="AT187" s="110"/>
      <c r="AU187" s="110"/>
      <c r="AV187" s="110"/>
      <c r="AW187" s="110"/>
      <c r="AX187" s="110"/>
      <c r="AY187" s="110"/>
      <c r="AZ187" s="110"/>
      <c r="BA187" s="110"/>
      <c r="BB187" s="110"/>
      <c r="BC187" s="110"/>
      <c r="BD187" s="110"/>
      <c r="BE187" s="110"/>
      <c r="BF187" s="110"/>
      <c r="BG187" s="110"/>
      <c r="BH187" s="110"/>
      <c r="BI187" s="110"/>
      <c r="BJ187" s="110"/>
    </row>
    <row r="188" spans="1:62" s="40" customFormat="1" ht="33" customHeight="1" x14ac:dyDescent="0.25">
      <c r="A188" s="86" t="s">
        <v>0</v>
      </c>
      <c r="B188" s="65"/>
      <c r="C188" s="66"/>
      <c r="D188" s="84"/>
      <c r="E188" s="84"/>
      <c r="F188" s="84"/>
      <c r="G188" s="84"/>
      <c r="H188" s="67"/>
      <c r="I188" s="68"/>
      <c r="J188" s="93"/>
      <c r="K188" s="135" t="s">
        <v>80</v>
      </c>
      <c r="L188" s="97"/>
      <c r="M188" s="97"/>
      <c r="N188" s="50"/>
      <c r="O188" s="50"/>
      <c r="P188" s="50"/>
    </row>
    <row r="189" spans="1:62" s="40" customFormat="1" ht="33" customHeight="1" x14ac:dyDescent="0.25">
      <c r="A189" s="85" t="s">
        <v>12</v>
      </c>
      <c r="B189" s="69"/>
      <c r="C189" s="70"/>
      <c r="D189" s="85"/>
      <c r="E189" s="85"/>
      <c r="F189" s="85"/>
      <c r="G189" s="86"/>
      <c r="H189" s="71"/>
      <c r="I189" s="72"/>
      <c r="J189" s="94"/>
      <c r="K189" s="136"/>
      <c r="L189" s="97"/>
      <c r="M189" s="97"/>
      <c r="N189" s="50"/>
      <c r="O189" s="50"/>
      <c r="P189" s="50"/>
    </row>
    <row r="190" spans="1:62" s="40" customFormat="1" ht="33" customHeight="1" x14ac:dyDescent="0.25">
      <c r="A190" s="87" t="s">
        <v>13</v>
      </c>
      <c r="B190" s="88"/>
      <c r="C190" s="89"/>
      <c r="D190" s="87"/>
      <c r="E190" s="87"/>
      <c r="F190" s="87"/>
      <c r="G190" s="87"/>
      <c r="H190" s="90"/>
      <c r="I190" s="91"/>
      <c r="J190" s="95"/>
      <c r="K190" s="137"/>
      <c r="L190" s="97"/>
      <c r="M190" s="97"/>
      <c r="N190" s="50"/>
      <c r="O190" s="50"/>
      <c r="P190" s="50"/>
    </row>
    <row r="191" spans="1:62" s="13" customFormat="1" ht="15.75" customHeight="1" x14ac:dyDescent="0.2">
      <c r="A191" s="23"/>
      <c r="B191" s="23"/>
      <c r="C191" s="10"/>
      <c r="D191" s="41"/>
      <c r="F191" s="14"/>
      <c r="G191" s="14"/>
      <c r="H191" s="14"/>
      <c r="I191" s="14"/>
      <c r="J191" s="26"/>
      <c r="K191" s="26"/>
      <c r="L191" s="26"/>
      <c r="M191" s="26"/>
    </row>
    <row r="192" spans="1:62" s="46" customFormat="1" ht="29.25" customHeight="1" x14ac:dyDescent="0.25">
      <c r="A192" s="139" t="s">
        <v>351</v>
      </c>
      <c r="B192" s="139"/>
      <c r="C192" s="139"/>
      <c r="D192" s="139"/>
      <c r="E192" s="139"/>
      <c r="F192" s="139"/>
      <c r="G192" s="139"/>
      <c r="H192" s="139"/>
      <c r="I192" s="139"/>
      <c r="J192" s="139"/>
      <c r="K192" s="139"/>
      <c r="L192" s="64"/>
      <c r="M192" s="64"/>
      <c r="N192" s="64"/>
      <c r="O192" s="64"/>
      <c r="P192" s="64"/>
    </row>
    <row r="193" spans="1:62" s="39" customFormat="1" ht="33" customHeight="1" x14ac:dyDescent="0.25">
      <c r="A193" s="128" t="s">
        <v>24</v>
      </c>
      <c r="B193" s="128" t="s">
        <v>39</v>
      </c>
      <c r="C193" s="128" t="s">
        <v>40</v>
      </c>
      <c r="D193" s="128" t="s">
        <v>30</v>
      </c>
      <c r="E193" s="128" t="s">
        <v>32</v>
      </c>
      <c r="F193" s="128" t="s">
        <v>41</v>
      </c>
      <c r="G193" s="128" t="s">
        <v>42</v>
      </c>
      <c r="H193" s="130" t="s">
        <v>45</v>
      </c>
      <c r="I193" s="131"/>
      <c r="J193" s="131"/>
      <c r="K193" s="132" t="s">
        <v>53</v>
      </c>
      <c r="L193" s="134"/>
      <c r="M193" s="134"/>
      <c r="N193" s="47"/>
      <c r="O193" s="47"/>
      <c r="P193" s="47"/>
    </row>
    <row r="194" spans="1:62" s="39" customFormat="1" ht="22.5" customHeight="1" x14ac:dyDescent="0.25">
      <c r="A194" s="129"/>
      <c r="B194" s="129"/>
      <c r="C194" s="129"/>
      <c r="D194" s="129"/>
      <c r="E194" s="129"/>
      <c r="F194" s="129"/>
      <c r="G194" s="129"/>
      <c r="H194" s="48" t="s">
        <v>26</v>
      </c>
      <c r="I194" s="49" t="s">
        <v>27</v>
      </c>
      <c r="J194" s="92" t="s">
        <v>28</v>
      </c>
      <c r="K194" s="133"/>
      <c r="L194" s="96"/>
      <c r="M194" s="96"/>
      <c r="N194" s="47"/>
      <c r="O194" s="47"/>
      <c r="P194" s="47"/>
    </row>
    <row r="195" spans="1:62" s="111" customFormat="1" ht="14.1" customHeight="1" x14ac:dyDescent="0.25">
      <c r="A195" s="102" t="s">
        <v>0</v>
      </c>
      <c r="B195" s="103" t="s">
        <v>12</v>
      </c>
      <c r="C195" s="103" t="s">
        <v>13</v>
      </c>
      <c r="D195" s="103" t="s">
        <v>14</v>
      </c>
      <c r="E195" s="112" t="s">
        <v>15</v>
      </c>
      <c r="F195" s="104" t="s">
        <v>16</v>
      </c>
      <c r="G195" s="99" t="s">
        <v>17</v>
      </c>
      <c r="H195" s="105" t="s">
        <v>18</v>
      </c>
      <c r="I195" s="106" t="s">
        <v>19</v>
      </c>
      <c r="J195" s="107" t="s">
        <v>35</v>
      </c>
      <c r="K195" s="108" t="s">
        <v>36</v>
      </c>
      <c r="L195" s="117"/>
      <c r="M195" s="117"/>
      <c r="N195" s="109"/>
      <c r="O195" s="109"/>
      <c r="P195" s="109"/>
      <c r="Q195" s="110"/>
      <c r="R195" s="110"/>
      <c r="S195" s="110"/>
      <c r="T195" s="110"/>
      <c r="U195" s="110"/>
      <c r="V195" s="110"/>
      <c r="W195" s="110"/>
      <c r="X195" s="110"/>
      <c r="Y195" s="110"/>
      <c r="Z195" s="110"/>
      <c r="AA195" s="110"/>
      <c r="AB195" s="110"/>
      <c r="AC195" s="110"/>
      <c r="AD195" s="110"/>
      <c r="AE195" s="110"/>
      <c r="AF195" s="110"/>
      <c r="AG195" s="110"/>
      <c r="AH195" s="110"/>
      <c r="AI195" s="110"/>
      <c r="AJ195" s="110"/>
      <c r="AK195" s="110"/>
      <c r="AL195" s="110"/>
      <c r="AM195" s="110"/>
      <c r="AN195" s="110"/>
      <c r="AO195" s="110"/>
      <c r="AP195" s="110"/>
      <c r="AQ195" s="110"/>
      <c r="AR195" s="110"/>
      <c r="AS195" s="110"/>
      <c r="AT195" s="110"/>
      <c r="AU195" s="110"/>
      <c r="AV195" s="110"/>
      <c r="AW195" s="110"/>
      <c r="AX195" s="110"/>
      <c r="AY195" s="110"/>
      <c r="AZ195" s="110"/>
      <c r="BA195" s="110"/>
      <c r="BB195" s="110"/>
      <c r="BC195" s="110"/>
      <c r="BD195" s="110"/>
      <c r="BE195" s="110"/>
      <c r="BF195" s="110"/>
      <c r="BG195" s="110"/>
      <c r="BH195" s="110"/>
      <c r="BI195" s="110"/>
      <c r="BJ195" s="110"/>
    </row>
    <row r="196" spans="1:62" s="40" customFormat="1" ht="33" customHeight="1" x14ac:dyDescent="0.25">
      <c r="A196" s="86" t="s">
        <v>0</v>
      </c>
      <c r="B196" s="65"/>
      <c r="C196" s="66"/>
      <c r="D196" s="84"/>
      <c r="E196" s="84"/>
      <c r="F196" s="84"/>
      <c r="G196" s="84"/>
      <c r="H196" s="67"/>
      <c r="I196" s="68"/>
      <c r="J196" s="93"/>
      <c r="K196" s="135" t="s">
        <v>69</v>
      </c>
      <c r="L196" s="97"/>
      <c r="M196" s="97"/>
      <c r="N196" s="50"/>
      <c r="O196" s="50"/>
      <c r="P196" s="50"/>
    </row>
    <row r="197" spans="1:62" s="40" customFormat="1" ht="33" customHeight="1" x14ac:dyDescent="0.25">
      <c r="A197" s="85" t="s">
        <v>12</v>
      </c>
      <c r="B197" s="69"/>
      <c r="C197" s="70"/>
      <c r="D197" s="85"/>
      <c r="E197" s="85"/>
      <c r="F197" s="85"/>
      <c r="G197" s="86"/>
      <c r="H197" s="71"/>
      <c r="I197" s="72"/>
      <c r="J197" s="94"/>
      <c r="K197" s="136"/>
      <c r="L197" s="97"/>
      <c r="M197" s="97"/>
      <c r="N197" s="50"/>
      <c r="O197" s="50"/>
      <c r="P197" s="50"/>
    </row>
    <row r="198" spans="1:62" s="40" customFormat="1" ht="33" customHeight="1" x14ac:dyDescent="0.25">
      <c r="A198" s="87" t="s">
        <v>13</v>
      </c>
      <c r="B198" s="88"/>
      <c r="C198" s="89"/>
      <c r="D198" s="87"/>
      <c r="E198" s="87"/>
      <c r="F198" s="87"/>
      <c r="G198" s="87"/>
      <c r="H198" s="90"/>
      <c r="I198" s="91"/>
      <c r="J198" s="95"/>
      <c r="K198" s="137"/>
      <c r="L198" s="97"/>
      <c r="M198" s="97"/>
      <c r="N198" s="50"/>
      <c r="O198" s="50"/>
      <c r="P198" s="50"/>
    </row>
    <row r="199" spans="1:62" s="45" customFormat="1" ht="33" customHeight="1" x14ac:dyDescent="0.25">
      <c r="A199" s="60"/>
      <c r="B199" s="61"/>
      <c r="C199" s="61"/>
      <c r="D199" s="61"/>
      <c r="E199" s="62"/>
      <c r="F199" s="62"/>
      <c r="G199" s="62"/>
      <c r="H199" s="62"/>
      <c r="I199" s="61"/>
      <c r="J199" s="61"/>
      <c r="K199" s="61"/>
      <c r="L199" s="127"/>
      <c r="M199" s="127"/>
      <c r="O199" s="63"/>
      <c r="P199" s="63"/>
    </row>
    <row r="200" spans="1:62" s="46" customFormat="1" ht="29.25" customHeight="1" x14ac:dyDescent="0.25">
      <c r="A200" s="139" t="s">
        <v>352</v>
      </c>
      <c r="B200" s="139"/>
      <c r="C200" s="139"/>
      <c r="D200" s="139"/>
      <c r="E200" s="139"/>
      <c r="F200" s="139"/>
      <c r="G200" s="139"/>
      <c r="H200" s="139"/>
      <c r="I200" s="139"/>
      <c r="J200" s="139"/>
      <c r="K200" s="139"/>
      <c r="L200" s="64"/>
      <c r="M200" s="64"/>
      <c r="N200" s="64"/>
      <c r="O200" s="64"/>
      <c r="P200" s="64"/>
    </row>
    <row r="201" spans="1:62" s="39" customFormat="1" ht="33" customHeight="1" x14ac:dyDescent="0.25">
      <c r="A201" s="128" t="s">
        <v>24</v>
      </c>
      <c r="B201" s="128" t="s">
        <v>39</v>
      </c>
      <c r="C201" s="128" t="s">
        <v>40</v>
      </c>
      <c r="D201" s="128" t="s">
        <v>30</v>
      </c>
      <c r="E201" s="128" t="s">
        <v>32</v>
      </c>
      <c r="F201" s="128" t="s">
        <v>41</v>
      </c>
      <c r="G201" s="128" t="s">
        <v>42</v>
      </c>
      <c r="H201" s="130" t="s">
        <v>45</v>
      </c>
      <c r="I201" s="131"/>
      <c r="J201" s="131"/>
      <c r="K201" s="132" t="s">
        <v>53</v>
      </c>
      <c r="L201" s="134"/>
      <c r="M201" s="134"/>
      <c r="N201" s="47"/>
      <c r="O201" s="47"/>
      <c r="P201" s="47"/>
    </row>
    <row r="202" spans="1:62" s="39" customFormat="1" ht="22.5" customHeight="1" x14ac:dyDescent="0.25">
      <c r="A202" s="129"/>
      <c r="B202" s="129"/>
      <c r="C202" s="129"/>
      <c r="D202" s="129"/>
      <c r="E202" s="129"/>
      <c r="F202" s="129"/>
      <c r="G202" s="129"/>
      <c r="H202" s="48" t="s">
        <v>26</v>
      </c>
      <c r="I202" s="49" t="s">
        <v>27</v>
      </c>
      <c r="J202" s="92" t="s">
        <v>28</v>
      </c>
      <c r="K202" s="133"/>
      <c r="L202" s="96"/>
      <c r="M202" s="96"/>
      <c r="N202" s="47"/>
      <c r="O202" s="47"/>
      <c r="P202" s="47"/>
    </row>
    <row r="203" spans="1:62" s="111" customFormat="1" ht="14.1" customHeight="1" x14ac:dyDescent="0.25">
      <c r="A203" s="102" t="s">
        <v>0</v>
      </c>
      <c r="B203" s="103" t="s">
        <v>12</v>
      </c>
      <c r="C203" s="103" t="s">
        <v>13</v>
      </c>
      <c r="D203" s="103" t="s">
        <v>14</v>
      </c>
      <c r="E203" s="112" t="s">
        <v>15</v>
      </c>
      <c r="F203" s="104" t="s">
        <v>16</v>
      </c>
      <c r="G203" s="99" t="s">
        <v>17</v>
      </c>
      <c r="H203" s="105" t="s">
        <v>18</v>
      </c>
      <c r="I203" s="106" t="s">
        <v>19</v>
      </c>
      <c r="J203" s="107" t="s">
        <v>35</v>
      </c>
      <c r="K203" s="108" t="s">
        <v>36</v>
      </c>
      <c r="L203" s="117"/>
      <c r="M203" s="117"/>
      <c r="N203" s="109"/>
      <c r="O203" s="109"/>
      <c r="P203" s="109"/>
      <c r="Q203" s="110"/>
      <c r="R203" s="110"/>
      <c r="S203" s="110"/>
      <c r="T203" s="110"/>
      <c r="U203" s="110"/>
      <c r="V203" s="110"/>
      <c r="W203" s="110"/>
      <c r="X203" s="110"/>
      <c r="Y203" s="110"/>
      <c r="Z203" s="110"/>
      <c r="AA203" s="110"/>
      <c r="AB203" s="110"/>
      <c r="AC203" s="110"/>
      <c r="AD203" s="110"/>
      <c r="AE203" s="110"/>
      <c r="AF203" s="110"/>
      <c r="AG203" s="110"/>
      <c r="AH203" s="110"/>
      <c r="AI203" s="110"/>
      <c r="AJ203" s="110"/>
      <c r="AK203" s="110"/>
      <c r="AL203" s="110"/>
      <c r="AM203" s="110"/>
      <c r="AN203" s="110"/>
      <c r="AO203" s="110"/>
      <c r="AP203" s="110"/>
      <c r="AQ203" s="110"/>
      <c r="AR203" s="110"/>
      <c r="AS203" s="110"/>
      <c r="AT203" s="110"/>
      <c r="AU203" s="110"/>
      <c r="AV203" s="110"/>
      <c r="AW203" s="110"/>
      <c r="AX203" s="110"/>
      <c r="AY203" s="110"/>
      <c r="AZ203" s="110"/>
      <c r="BA203" s="110"/>
      <c r="BB203" s="110"/>
      <c r="BC203" s="110"/>
      <c r="BD203" s="110"/>
      <c r="BE203" s="110"/>
      <c r="BF203" s="110"/>
      <c r="BG203" s="110"/>
      <c r="BH203" s="110"/>
      <c r="BI203" s="110"/>
      <c r="BJ203" s="110"/>
    </row>
    <row r="204" spans="1:62" s="40" customFormat="1" ht="33" customHeight="1" x14ac:dyDescent="0.25">
      <c r="A204" s="86" t="s">
        <v>0</v>
      </c>
      <c r="B204" s="65"/>
      <c r="C204" s="66"/>
      <c r="D204" s="84"/>
      <c r="E204" s="84"/>
      <c r="F204" s="84"/>
      <c r="G204" s="84"/>
      <c r="H204" s="67"/>
      <c r="I204" s="68"/>
      <c r="J204" s="93"/>
      <c r="K204" s="135" t="s">
        <v>69</v>
      </c>
      <c r="L204" s="97"/>
      <c r="M204" s="97"/>
      <c r="N204" s="50"/>
      <c r="O204" s="50"/>
      <c r="P204" s="50"/>
    </row>
    <row r="205" spans="1:62" s="40" customFormat="1" ht="33" customHeight="1" x14ac:dyDescent="0.25">
      <c r="A205" s="85" t="s">
        <v>12</v>
      </c>
      <c r="B205" s="69"/>
      <c r="C205" s="70"/>
      <c r="D205" s="85"/>
      <c r="E205" s="85"/>
      <c r="F205" s="85"/>
      <c r="G205" s="86"/>
      <c r="H205" s="71"/>
      <c r="I205" s="72"/>
      <c r="J205" s="94"/>
      <c r="K205" s="136"/>
      <c r="L205" s="97"/>
      <c r="M205" s="97"/>
      <c r="N205" s="50"/>
      <c r="O205" s="50"/>
      <c r="P205" s="50"/>
    </row>
    <row r="206" spans="1:62" s="40" customFormat="1" ht="33" customHeight="1" x14ac:dyDescent="0.25">
      <c r="A206" s="87" t="s">
        <v>13</v>
      </c>
      <c r="B206" s="88"/>
      <c r="C206" s="89"/>
      <c r="D206" s="87"/>
      <c r="E206" s="87"/>
      <c r="F206" s="87"/>
      <c r="G206" s="87"/>
      <c r="H206" s="90"/>
      <c r="I206" s="91"/>
      <c r="J206" s="95"/>
      <c r="K206" s="137"/>
      <c r="L206" s="97"/>
      <c r="M206" s="97"/>
      <c r="N206" s="50"/>
      <c r="O206" s="50"/>
      <c r="P206" s="50"/>
    </row>
    <row r="207" spans="1:62" s="40" customFormat="1" ht="33" customHeight="1" x14ac:dyDescent="0.25">
      <c r="A207" s="73"/>
      <c r="B207" s="74"/>
      <c r="C207" s="74"/>
      <c r="D207" s="73"/>
      <c r="E207" s="73"/>
      <c r="F207" s="73"/>
      <c r="G207" s="73"/>
      <c r="H207" s="75"/>
      <c r="I207" s="76"/>
      <c r="J207" s="75"/>
      <c r="K207" s="118"/>
      <c r="L207" s="97"/>
      <c r="M207" s="97"/>
      <c r="N207" s="50"/>
      <c r="O207" s="50"/>
      <c r="P207" s="50"/>
    </row>
    <row r="208" spans="1:62" s="40" customFormat="1" ht="33" customHeight="1" x14ac:dyDescent="0.25">
      <c r="A208" s="73"/>
      <c r="B208" s="74"/>
      <c r="C208" s="74"/>
      <c r="D208" s="73"/>
      <c r="E208" s="73"/>
      <c r="F208" s="73"/>
      <c r="G208" s="73"/>
      <c r="H208" s="75"/>
      <c r="I208" s="76"/>
      <c r="J208" s="75"/>
      <c r="K208" s="120"/>
      <c r="L208" s="97"/>
      <c r="M208" s="97"/>
      <c r="N208" s="50"/>
      <c r="O208" s="50"/>
      <c r="P208" s="50"/>
    </row>
    <row r="209" spans="1:13" s="18" customFormat="1" ht="20.100000000000001" customHeight="1" x14ac:dyDescent="0.2">
      <c r="A209" s="42" t="s">
        <v>3</v>
      </c>
      <c r="B209" s="42"/>
      <c r="C209" s="141"/>
      <c r="D209" s="141"/>
      <c r="E209" s="25"/>
      <c r="F209" s="17"/>
      <c r="G209" s="17"/>
      <c r="H209" s="17"/>
      <c r="I209" s="17"/>
      <c r="J209" s="17"/>
      <c r="K209" s="26"/>
      <c r="L209" s="26"/>
    </row>
    <row r="210" spans="1:13" s="18" customFormat="1" ht="20.100000000000001" customHeight="1" x14ac:dyDescent="0.2">
      <c r="A210" s="42" t="s">
        <v>4</v>
      </c>
      <c r="B210" s="42"/>
      <c r="C210" s="140"/>
      <c r="D210" s="140"/>
      <c r="E210" s="20"/>
      <c r="F210" s="17"/>
      <c r="G210" s="17"/>
      <c r="H210" s="17"/>
      <c r="I210" s="17"/>
      <c r="J210" s="17"/>
      <c r="K210" s="21"/>
      <c r="L210" s="22"/>
    </row>
    <row r="211" spans="1:13" s="18" customFormat="1" ht="20.100000000000001" customHeight="1" x14ac:dyDescent="0.2">
      <c r="A211" s="42" t="s">
        <v>5</v>
      </c>
      <c r="B211" s="42"/>
      <c r="C211" s="140"/>
      <c r="D211" s="140"/>
      <c r="E211" s="20"/>
      <c r="F211" s="17"/>
      <c r="G211" s="17"/>
      <c r="H211" s="17"/>
      <c r="I211" s="17"/>
      <c r="J211" s="17"/>
      <c r="K211" s="21"/>
      <c r="L211" s="22"/>
    </row>
    <row r="212" spans="1:13" s="18" customFormat="1" ht="20.100000000000001" customHeight="1" x14ac:dyDescent="0.25">
      <c r="A212" s="42"/>
      <c r="B212" s="42"/>
      <c r="C212" s="42"/>
      <c r="D212" s="19"/>
      <c r="E212" s="20"/>
      <c r="F212" s="17"/>
      <c r="G212" s="17"/>
      <c r="H212" s="17"/>
      <c r="I212" s="17"/>
      <c r="J212" s="17"/>
      <c r="K212" s="21"/>
      <c r="L212" s="22"/>
    </row>
    <row r="213" spans="1:13" s="18" customFormat="1" ht="20.100000000000001" customHeight="1" x14ac:dyDescent="0.2">
      <c r="A213" s="42" t="s">
        <v>6</v>
      </c>
      <c r="B213" s="42"/>
      <c r="C213" s="141"/>
      <c r="D213" s="141"/>
      <c r="E213" s="20"/>
      <c r="F213" s="17"/>
      <c r="G213" s="17"/>
      <c r="H213" s="17"/>
      <c r="I213" s="17"/>
      <c r="J213" s="17"/>
      <c r="K213" s="21"/>
      <c r="L213" s="22"/>
    </row>
    <row r="214" spans="1:13" s="18" customFormat="1" ht="20.100000000000001" customHeight="1" x14ac:dyDescent="0.2">
      <c r="A214" s="42" t="s">
        <v>7</v>
      </c>
      <c r="B214" s="42"/>
      <c r="C214" s="140"/>
      <c r="D214" s="140"/>
      <c r="E214" s="20"/>
      <c r="F214" s="17"/>
      <c r="G214" s="27" t="s">
        <v>20</v>
      </c>
      <c r="H214" s="151"/>
      <c r="I214" s="151"/>
      <c r="J214" s="17"/>
      <c r="K214" s="21"/>
      <c r="L214" s="22"/>
    </row>
    <row r="215" spans="1:13" s="18" customFormat="1" ht="20.100000000000001" customHeight="1" x14ac:dyDescent="0.2">
      <c r="A215" s="42" t="s">
        <v>8</v>
      </c>
      <c r="B215" s="42"/>
      <c r="C215" s="140"/>
      <c r="D215" s="140"/>
      <c r="E215" s="20"/>
      <c r="F215" s="17"/>
      <c r="G215" s="28"/>
      <c r="H215" s="29"/>
      <c r="I215" s="29"/>
    </row>
    <row r="216" spans="1:13" s="18" customFormat="1" ht="20.100000000000001" customHeight="1" x14ac:dyDescent="0.25">
      <c r="A216" s="19"/>
      <c r="B216" s="19"/>
      <c r="C216" s="19"/>
      <c r="D216" s="20"/>
      <c r="E216" s="20"/>
      <c r="F216" s="17"/>
      <c r="G216" s="30" t="s">
        <v>21</v>
      </c>
      <c r="H216" s="152"/>
      <c r="I216" s="152"/>
    </row>
    <row r="217" spans="1:13" s="18" customFormat="1" ht="20.100000000000001" customHeight="1" x14ac:dyDescent="0.25">
      <c r="A217" s="19"/>
      <c r="B217" s="19"/>
      <c r="C217" s="19"/>
      <c r="D217" s="20"/>
      <c r="E217" s="20"/>
      <c r="F217" s="17"/>
      <c r="G217" s="30" t="s">
        <v>22</v>
      </c>
      <c r="H217" s="150"/>
      <c r="I217" s="150"/>
    </row>
    <row r="218" spans="1:13" s="13" customFormat="1" ht="20.100000000000001" customHeight="1" x14ac:dyDescent="0.2">
      <c r="A218" s="10" t="s">
        <v>2</v>
      </c>
      <c r="B218" s="140"/>
      <c r="C218" s="140"/>
      <c r="D218" s="11"/>
      <c r="E218" s="11"/>
      <c r="F218" s="14"/>
      <c r="G218" s="31" t="s">
        <v>23</v>
      </c>
      <c r="H218" s="28"/>
      <c r="I218" s="32"/>
      <c r="M218" s="10"/>
    </row>
    <row r="219" spans="1:13" s="13" customFormat="1" ht="20.100000000000001" customHeight="1" x14ac:dyDescent="0.2">
      <c r="A219" s="10" t="s">
        <v>1</v>
      </c>
      <c r="B219" s="149"/>
      <c r="C219" s="149"/>
      <c r="D219" s="11"/>
      <c r="E219" s="11"/>
      <c r="F219" s="14"/>
      <c r="G219" s="14"/>
      <c r="H219" s="14"/>
      <c r="I219" s="14"/>
      <c r="M219" s="10"/>
    </row>
    <row r="220" spans="1:13" s="13" customFormat="1" x14ac:dyDescent="0.2">
      <c r="A220" s="10"/>
      <c r="B220" s="10"/>
      <c r="C220" s="10"/>
      <c r="D220" s="11"/>
      <c r="E220" s="11"/>
      <c r="F220" s="14"/>
      <c r="G220" s="14"/>
      <c r="H220" s="14"/>
      <c r="I220" s="14"/>
      <c r="J220" s="14"/>
      <c r="K220" s="12"/>
      <c r="L220" s="10"/>
      <c r="M220" s="10"/>
    </row>
    <row r="221" spans="1:13" s="13" customFormat="1" ht="15" customHeight="1" x14ac:dyDescent="0.2">
      <c r="A221" s="10"/>
      <c r="B221" s="10"/>
      <c r="D221" s="11"/>
      <c r="E221" s="11"/>
      <c r="F221" s="14"/>
      <c r="G221" s="14"/>
      <c r="H221" s="14"/>
      <c r="I221" s="14"/>
      <c r="J221" s="14"/>
      <c r="K221" s="12"/>
      <c r="L221" s="10"/>
      <c r="M221" s="10"/>
    </row>
    <row r="222" spans="1:13" s="2" customFormat="1" x14ac:dyDescent="0.2">
      <c r="A222" s="148" t="s">
        <v>10</v>
      </c>
      <c r="B222" s="148"/>
      <c r="D222" s="3"/>
      <c r="E222" s="3"/>
      <c r="F222" s="4"/>
      <c r="G222" s="4"/>
      <c r="H222" s="4"/>
      <c r="I222" s="4"/>
      <c r="J222" s="4"/>
      <c r="K222" s="15"/>
    </row>
    <row r="223" spans="1:13" ht="14.25" x14ac:dyDescent="0.2">
      <c r="A223" s="33"/>
      <c r="B223" s="34" t="s">
        <v>11</v>
      </c>
    </row>
    <row r="224" spans="1:13" ht="6.75" customHeight="1" x14ac:dyDescent="0.2">
      <c r="A224" s="35"/>
      <c r="B224" s="36"/>
    </row>
  </sheetData>
  <mergeCells count="28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32:K32"/>
    <mergeCell ref="A33:A34"/>
    <mergeCell ref="B33:B34"/>
    <mergeCell ref="C33:C34"/>
    <mergeCell ref="D33:D34"/>
    <mergeCell ref="E33:E34"/>
    <mergeCell ref="F33:F34"/>
    <mergeCell ref="G33:G34"/>
    <mergeCell ref="F41:F42"/>
    <mergeCell ref="G41:G42"/>
    <mergeCell ref="H41:J41"/>
    <mergeCell ref="K41:K42"/>
    <mergeCell ref="L41:M41"/>
    <mergeCell ref="K44:K46"/>
    <mergeCell ref="H33:J33"/>
    <mergeCell ref="K33:K34"/>
    <mergeCell ref="L33:M33"/>
    <mergeCell ref="K36:K38"/>
    <mergeCell ref="A40:K40"/>
    <mergeCell ref="A41:A42"/>
    <mergeCell ref="B41:B42"/>
    <mergeCell ref="C41:C42"/>
    <mergeCell ref="D41:D42"/>
    <mergeCell ref="E41:E42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49:M49"/>
    <mergeCell ref="K52:K54"/>
    <mergeCell ref="A56:K56"/>
    <mergeCell ref="A57:A58"/>
    <mergeCell ref="B57:B58"/>
    <mergeCell ref="C57:C58"/>
    <mergeCell ref="D57:D58"/>
    <mergeCell ref="E57:E58"/>
    <mergeCell ref="F57:F58"/>
    <mergeCell ref="G57:G58"/>
    <mergeCell ref="F65:F66"/>
    <mergeCell ref="G65:G66"/>
    <mergeCell ref="H65:J65"/>
    <mergeCell ref="K65:K66"/>
    <mergeCell ref="L65:M65"/>
    <mergeCell ref="K68:K70"/>
    <mergeCell ref="H57:J57"/>
    <mergeCell ref="K57:K58"/>
    <mergeCell ref="L57:M57"/>
    <mergeCell ref="K60:K62"/>
    <mergeCell ref="A64:K64"/>
    <mergeCell ref="A65:A66"/>
    <mergeCell ref="B65:B66"/>
    <mergeCell ref="C65:C66"/>
    <mergeCell ref="D65:D66"/>
    <mergeCell ref="E65:E66"/>
    <mergeCell ref="A72:K72"/>
    <mergeCell ref="A73:A74"/>
    <mergeCell ref="B73:B74"/>
    <mergeCell ref="C73:C74"/>
    <mergeCell ref="D73:D74"/>
    <mergeCell ref="E73:E74"/>
    <mergeCell ref="F73:F74"/>
    <mergeCell ref="G73:G74"/>
    <mergeCell ref="H73:J73"/>
    <mergeCell ref="K73:K74"/>
    <mergeCell ref="L73:M73"/>
    <mergeCell ref="K76:K78"/>
    <mergeCell ref="A80:K80"/>
    <mergeCell ref="A81:A82"/>
    <mergeCell ref="B81:B82"/>
    <mergeCell ref="C81:C82"/>
    <mergeCell ref="D81:D82"/>
    <mergeCell ref="E81:E82"/>
    <mergeCell ref="F81:F82"/>
    <mergeCell ref="G81:G82"/>
    <mergeCell ref="F89:F90"/>
    <mergeCell ref="G89:G90"/>
    <mergeCell ref="H89:J89"/>
    <mergeCell ref="K89:K90"/>
    <mergeCell ref="L89:M89"/>
    <mergeCell ref="K92:K94"/>
    <mergeCell ref="H81:J81"/>
    <mergeCell ref="K81:K82"/>
    <mergeCell ref="L81:M81"/>
    <mergeCell ref="K84:K86"/>
    <mergeCell ref="A88:K88"/>
    <mergeCell ref="A89:A90"/>
    <mergeCell ref="B89:B90"/>
    <mergeCell ref="C89:C90"/>
    <mergeCell ref="D89:D90"/>
    <mergeCell ref="E89:E90"/>
    <mergeCell ref="A96:K96"/>
    <mergeCell ref="A97:A98"/>
    <mergeCell ref="B97:B98"/>
    <mergeCell ref="C97:C98"/>
    <mergeCell ref="D97:D98"/>
    <mergeCell ref="E97:E98"/>
    <mergeCell ref="F97:F98"/>
    <mergeCell ref="G97:G98"/>
    <mergeCell ref="H97:J97"/>
    <mergeCell ref="K97:K98"/>
    <mergeCell ref="L97:M97"/>
    <mergeCell ref="K100:K102"/>
    <mergeCell ref="A104:K104"/>
    <mergeCell ref="A105:A106"/>
    <mergeCell ref="B105:B106"/>
    <mergeCell ref="C105:C106"/>
    <mergeCell ref="D105:D106"/>
    <mergeCell ref="E105:E106"/>
    <mergeCell ref="F105:F106"/>
    <mergeCell ref="G105:G106"/>
    <mergeCell ref="H105:J105"/>
    <mergeCell ref="K105:K106"/>
    <mergeCell ref="L105:M105"/>
    <mergeCell ref="K108:K110"/>
    <mergeCell ref="C209:D209"/>
    <mergeCell ref="C210:D210"/>
    <mergeCell ref="F113:F114"/>
    <mergeCell ref="G113:G114"/>
    <mergeCell ref="H113:J113"/>
    <mergeCell ref="K113:K114"/>
    <mergeCell ref="H217:I217"/>
    <mergeCell ref="B218:C218"/>
    <mergeCell ref="F137:F138"/>
    <mergeCell ref="G137:G138"/>
    <mergeCell ref="H137:J137"/>
    <mergeCell ref="K137:K138"/>
    <mergeCell ref="F153:F154"/>
    <mergeCell ref="G153:G154"/>
    <mergeCell ref="H153:J153"/>
    <mergeCell ref="K153:K154"/>
    <mergeCell ref="A160:K160"/>
    <mergeCell ref="A161:A162"/>
    <mergeCell ref="B161:B162"/>
    <mergeCell ref="C161:C162"/>
    <mergeCell ref="D161:D162"/>
    <mergeCell ref="E161:E162"/>
    <mergeCell ref="F161:F162"/>
    <mergeCell ref="B219:C219"/>
    <mergeCell ref="A222:B222"/>
    <mergeCell ref="A112:K112"/>
    <mergeCell ref="A113:A114"/>
    <mergeCell ref="B113:B114"/>
    <mergeCell ref="C113:C114"/>
    <mergeCell ref="D113:D114"/>
    <mergeCell ref="E113:E114"/>
    <mergeCell ref="C211:D211"/>
    <mergeCell ref="C213:D213"/>
    <mergeCell ref="C214:D214"/>
    <mergeCell ref="H214:I214"/>
    <mergeCell ref="C215:D215"/>
    <mergeCell ref="H216:I216"/>
    <mergeCell ref="F129:F130"/>
    <mergeCell ref="G129:G130"/>
    <mergeCell ref="H129:J129"/>
    <mergeCell ref="K129:K130"/>
    <mergeCell ref="A136:K136"/>
    <mergeCell ref="A137:A138"/>
    <mergeCell ref="B137:B138"/>
    <mergeCell ref="C137:C138"/>
    <mergeCell ref="D137:D138"/>
    <mergeCell ref="E137:E138"/>
    <mergeCell ref="L113:M113"/>
    <mergeCell ref="K116:K118"/>
    <mergeCell ref="A120:K120"/>
    <mergeCell ref="A121:A122"/>
    <mergeCell ref="B121:B122"/>
    <mergeCell ref="C121:C122"/>
    <mergeCell ref="D121:D122"/>
    <mergeCell ref="E121:E122"/>
    <mergeCell ref="F121:F122"/>
    <mergeCell ref="G121:G122"/>
    <mergeCell ref="L129:M129"/>
    <mergeCell ref="K132:K134"/>
    <mergeCell ref="H121:J121"/>
    <mergeCell ref="K121:K122"/>
    <mergeCell ref="L121:M121"/>
    <mergeCell ref="K124:K126"/>
    <mergeCell ref="A128:K128"/>
    <mergeCell ref="A129:A130"/>
    <mergeCell ref="B129:B130"/>
    <mergeCell ref="C129:C130"/>
    <mergeCell ref="D129:D130"/>
    <mergeCell ref="E129:E130"/>
    <mergeCell ref="L137:M137"/>
    <mergeCell ref="K140:K142"/>
    <mergeCell ref="A144:K144"/>
    <mergeCell ref="A145:A146"/>
    <mergeCell ref="B145:B146"/>
    <mergeCell ref="C145:C146"/>
    <mergeCell ref="D145:D146"/>
    <mergeCell ref="E145:E146"/>
    <mergeCell ref="F145:F146"/>
    <mergeCell ref="G145:G146"/>
    <mergeCell ref="L153:M153"/>
    <mergeCell ref="K156:K158"/>
    <mergeCell ref="H145:J145"/>
    <mergeCell ref="K145:K146"/>
    <mergeCell ref="L145:M145"/>
    <mergeCell ref="K148:K150"/>
    <mergeCell ref="A152:K152"/>
    <mergeCell ref="A153:A154"/>
    <mergeCell ref="B153:B154"/>
    <mergeCell ref="C153:C154"/>
    <mergeCell ref="D153:D154"/>
    <mergeCell ref="E153:E154"/>
    <mergeCell ref="G161:G162"/>
    <mergeCell ref="H161:J161"/>
    <mergeCell ref="K161:K162"/>
    <mergeCell ref="L161:M161"/>
    <mergeCell ref="K164:K166"/>
    <mergeCell ref="A168:K168"/>
    <mergeCell ref="A169:A170"/>
    <mergeCell ref="B169:B170"/>
    <mergeCell ref="C169:C170"/>
    <mergeCell ref="D169:D170"/>
    <mergeCell ref="E169:E170"/>
    <mergeCell ref="F169:F170"/>
    <mergeCell ref="G169:G170"/>
    <mergeCell ref="F177:F178"/>
    <mergeCell ref="G177:G178"/>
    <mergeCell ref="H177:J177"/>
    <mergeCell ref="K177:K178"/>
    <mergeCell ref="L177:M177"/>
    <mergeCell ref="K180:K182"/>
    <mergeCell ref="H169:J169"/>
    <mergeCell ref="K169:K170"/>
    <mergeCell ref="L169:M169"/>
    <mergeCell ref="K172:K174"/>
    <mergeCell ref="A176:K176"/>
    <mergeCell ref="A177:A178"/>
    <mergeCell ref="B177:B178"/>
    <mergeCell ref="C177:C178"/>
    <mergeCell ref="D177:D178"/>
    <mergeCell ref="E177:E178"/>
    <mergeCell ref="A184:K184"/>
    <mergeCell ref="A185:A186"/>
    <mergeCell ref="B185:B186"/>
    <mergeCell ref="C185:C186"/>
    <mergeCell ref="D185:D186"/>
    <mergeCell ref="E185:E186"/>
    <mergeCell ref="F185:F186"/>
    <mergeCell ref="G185:G186"/>
    <mergeCell ref="H185:J185"/>
    <mergeCell ref="K185:K186"/>
    <mergeCell ref="L185:M185"/>
    <mergeCell ref="K188:K190"/>
    <mergeCell ref="A192:K192"/>
    <mergeCell ref="A193:A194"/>
    <mergeCell ref="B193:B194"/>
    <mergeCell ref="C193:C194"/>
    <mergeCell ref="D193:D194"/>
    <mergeCell ref="E193:E194"/>
    <mergeCell ref="F193:F194"/>
    <mergeCell ref="G193:G194"/>
    <mergeCell ref="F201:F202"/>
    <mergeCell ref="G201:G202"/>
    <mergeCell ref="H201:J201"/>
    <mergeCell ref="K201:K202"/>
    <mergeCell ref="L201:M201"/>
    <mergeCell ref="K204:K206"/>
    <mergeCell ref="H193:J193"/>
    <mergeCell ref="K193:K194"/>
    <mergeCell ref="L193:M193"/>
    <mergeCell ref="K196:K198"/>
    <mergeCell ref="A200:K200"/>
    <mergeCell ref="A201:A202"/>
    <mergeCell ref="B201:B202"/>
    <mergeCell ref="C201:C202"/>
    <mergeCell ref="D201:D202"/>
    <mergeCell ref="E201:E202"/>
  </mergeCells>
  <conditionalFormatting sqref="B218:C218">
    <cfRule type="containsBlanks" dxfId="107" priority="6">
      <formula>LEN(TRIM(B218))=0</formula>
    </cfRule>
  </conditionalFormatting>
  <conditionalFormatting sqref="B219:C219">
    <cfRule type="containsBlanks" dxfId="106" priority="5">
      <formula>LEN(TRIM(B219))=0</formula>
    </cfRule>
  </conditionalFormatting>
  <conditionalFormatting sqref="H216:I216">
    <cfRule type="containsBlanks" dxfId="105" priority="4">
      <formula>LEN(TRIM(H216))=0</formula>
    </cfRule>
  </conditionalFormatting>
  <conditionalFormatting sqref="H217:I217">
    <cfRule type="containsBlanks" dxfId="104" priority="3">
      <formula>LEN(TRIM(H217))=0</formula>
    </cfRule>
  </conditionalFormatting>
  <conditionalFormatting sqref="C209:D211">
    <cfRule type="containsBlanks" dxfId="103" priority="2">
      <formula>LEN(TRIM(C209))=0</formula>
    </cfRule>
  </conditionalFormatting>
  <conditionalFormatting sqref="C213:D215">
    <cfRule type="containsBlanks" dxfId="102" priority="1">
      <formula>LEN(TRIM(C21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9" manualBreakCount="9">
    <brk id="17" max="12" man="1"/>
    <brk id="39" max="12" man="1"/>
    <brk id="63" max="12" man="1"/>
    <brk id="87" max="12" man="1"/>
    <brk id="111" max="12" man="1"/>
    <brk id="135" max="12" man="1"/>
    <brk id="159" max="12" man="1"/>
    <brk id="183" max="12" man="1"/>
    <brk id="199" max="12" man="1"/>
  </rowBreaks>
  <colBreaks count="1" manualBreakCount="1">
    <brk id="13" max="28" man="1"/>
  </colBreaks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6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355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356</v>
      </c>
      <c r="C9" s="114" t="s">
        <v>46</v>
      </c>
      <c r="D9" s="119">
        <v>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357</v>
      </c>
      <c r="C10" s="114" t="s">
        <v>46</v>
      </c>
      <c r="D10" s="119">
        <v>12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358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173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359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165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41"/>
      <c r="D31" s="141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40"/>
      <c r="D32" s="14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40"/>
      <c r="D33" s="14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41"/>
      <c r="D35" s="141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40"/>
      <c r="D36" s="140"/>
      <c r="E36" s="20"/>
      <c r="F36" s="17"/>
      <c r="G36" s="27" t="s">
        <v>20</v>
      </c>
      <c r="H36" s="151"/>
      <c r="I36" s="151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40"/>
      <c r="D37" s="14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52"/>
      <c r="I38" s="152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50"/>
      <c r="I39" s="150"/>
    </row>
    <row r="40" spans="1:13" s="13" customFormat="1" ht="20.100000000000001" customHeight="1" x14ac:dyDescent="0.2">
      <c r="A40" s="10" t="s">
        <v>2</v>
      </c>
      <c r="B40" s="140"/>
      <c r="C40" s="14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49"/>
      <c r="C41" s="149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48" t="s">
        <v>10</v>
      </c>
      <c r="B44" s="148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H38:I38"/>
    <mergeCell ref="H39:I39"/>
    <mergeCell ref="B40:C40"/>
    <mergeCell ref="B41:C41"/>
    <mergeCell ref="A44:B44"/>
  </mergeCells>
  <conditionalFormatting sqref="B40:C40">
    <cfRule type="containsBlanks" dxfId="101" priority="6">
      <formula>LEN(TRIM(B40))=0</formula>
    </cfRule>
  </conditionalFormatting>
  <conditionalFormatting sqref="B41:C41">
    <cfRule type="containsBlanks" dxfId="100" priority="5">
      <formula>LEN(TRIM(B41))=0</formula>
    </cfRule>
  </conditionalFormatting>
  <conditionalFormatting sqref="H38:I38">
    <cfRule type="containsBlanks" dxfId="99" priority="4">
      <formula>LEN(TRIM(H38))=0</formula>
    </cfRule>
  </conditionalFormatting>
  <conditionalFormatting sqref="H39:I39">
    <cfRule type="containsBlanks" dxfId="98" priority="3">
      <formula>LEN(TRIM(H39))=0</formula>
    </cfRule>
  </conditionalFormatting>
  <conditionalFormatting sqref="C31:D33">
    <cfRule type="containsBlanks" dxfId="97" priority="2">
      <formula>LEN(TRIM(C31))=0</formula>
    </cfRule>
  </conditionalFormatting>
  <conditionalFormatting sqref="C35:D37">
    <cfRule type="containsBlanks" dxfId="96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79"/>
  <sheetViews>
    <sheetView showGridLines="0" topLeftCell="A4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47" t="s">
        <v>360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367</v>
      </c>
      <c r="C9" s="114" t="s">
        <v>46</v>
      </c>
      <c r="D9" s="119">
        <v>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361</v>
      </c>
      <c r="C10" s="114" t="s">
        <v>46</v>
      </c>
      <c r="D10" s="119">
        <v>16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362</v>
      </c>
      <c r="C11" s="114" t="s">
        <v>46</v>
      </c>
      <c r="D11" s="119">
        <v>16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363</v>
      </c>
      <c r="C12" s="114" t="s">
        <v>46</v>
      </c>
      <c r="D12" s="119">
        <v>8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365</v>
      </c>
      <c r="C13" s="114" t="s">
        <v>46</v>
      </c>
      <c r="D13" s="119">
        <v>8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thickBot="1" x14ac:dyDescent="0.3">
      <c r="A14" s="51" t="s">
        <v>16</v>
      </c>
      <c r="B14" s="52" t="s">
        <v>364</v>
      </c>
      <c r="C14" s="114" t="s">
        <v>46</v>
      </c>
      <c r="D14" s="119">
        <v>80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5" customFormat="1" ht="33" customHeight="1" thickBot="1" x14ac:dyDescent="0.3">
      <c r="A15" s="60"/>
      <c r="B15" s="61"/>
      <c r="C15" s="61"/>
      <c r="D15" s="61"/>
      <c r="E15" s="62"/>
      <c r="F15" s="62"/>
      <c r="G15" s="62"/>
      <c r="H15" s="62"/>
      <c r="I15" s="61"/>
      <c r="J15" s="61"/>
      <c r="K15" s="61"/>
      <c r="L15" s="98">
        <f>SUM(L9:L14)</f>
        <v>0</v>
      </c>
      <c r="M15" s="116">
        <f>SUM(M9:M14)</f>
        <v>0</v>
      </c>
      <c r="O15" s="63"/>
      <c r="P15" s="63"/>
    </row>
    <row r="16" spans="1:22" s="46" customFormat="1" ht="29.25" customHeight="1" x14ac:dyDescent="0.25">
      <c r="A16" s="139" t="s">
        <v>366</v>
      </c>
      <c r="B16" s="139"/>
      <c r="C16" s="139"/>
      <c r="D16" s="139"/>
      <c r="E16" s="139"/>
      <c r="F16" s="139"/>
      <c r="G16" s="139"/>
      <c r="H16" s="139"/>
      <c r="I16" s="139"/>
      <c r="J16" s="139"/>
      <c r="K16" s="139"/>
      <c r="L16" s="64"/>
      <c r="M16" s="64"/>
      <c r="N16" s="64"/>
      <c r="O16" s="64"/>
      <c r="P16" s="64"/>
    </row>
    <row r="17" spans="1:62" s="39" customFormat="1" ht="33" customHeight="1" x14ac:dyDescent="0.25">
      <c r="A17" s="128" t="s">
        <v>24</v>
      </c>
      <c r="B17" s="128" t="s">
        <v>39</v>
      </c>
      <c r="C17" s="128" t="s">
        <v>40</v>
      </c>
      <c r="D17" s="128" t="s">
        <v>30</v>
      </c>
      <c r="E17" s="128" t="s">
        <v>32</v>
      </c>
      <c r="F17" s="128" t="s">
        <v>41</v>
      </c>
      <c r="G17" s="128" t="s">
        <v>42</v>
      </c>
      <c r="H17" s="130" t="s">
        <v>45</v>
      </c>
      <c r="I17" s="131"/>
      <c r="J17" s="131"/>
      <c r="K17" s="132" t="s">
        <v>53</v>
      </c>
      <c r="L17" s="134"/>
      <c r="M17" s="134"/>
      <c r="N17" s="47"/>
      <c r="O17" s="47"/>
      <c r="P17" s="47"/>
    </row>
    <row r="18" spans="1:62" s="39" customFormat="1" ht="22.5" customHeight="1" x14ac:dyDescent="0.25">
      <c r="A18" s="129"/>
      <c r="B18" s="129"/>
      <c r="C18" s="129"/>
      <c r="D18" s="129"/>
      <c r="E18" s="129"/>
      <c r="F18" s="129"/>
      <c r="G18" s="129"/>
      <c r="H18" s="48" t="s">
        <v>26</v>
      </c>
      <c r="I18" s="49" t="s">
        <v>27</v>
      </c>
      <c r="J18" s="92" t="s">
        <v>28</v>
      </c>
      <c r="K18" s="133"/>
      <c r="L18" s="96"/>
      <c r="M18" s="96"/>
      <c r="N18" s="47"/>
      <c r="O18" s="47"/>
      <c r="P18" s="47"/>
    </row>
    <row r="19" spans="1:62" s="111" customFormat="1" ht="14.1" customHeight="1" x14ac:dyDescent="0.25">
      <c r="A19" s="102" t="s">
        <v>0</v>
      </c>
      <c r="B19" s="103" t="s">
        <v>12</v>
      </c>
      <c r="C19" s="103" t="s">
        <v>13</v>
      </c>
      <c r="D19" s="103" t="s">
        <v>14</v>
      </c>
      <c r="E19" s="112" t="s">
        <v>15</v>
      </c>
      <c r="F19" s="104" t="s">
        <v>16</v>
      </c>
      <c r="G19" s="99" t="s">
        <v>17</v>
      </c>
      <c r="H19" s="105" t="s">
        <v>18</v>
      </c>
      <c r="I19" s="106" t="s">
        <v>19</v>
      </c>
      <c r="J19" s="107" t="s">
        <v>35</v>
      </c>
      <c r="K19" s="108" t="s">
        <v>36</v>
      </c>
      <c r="L19" s="117"/>
      <c r="M19" s="117"/>
      <c r="N19" s="109"/>
      <c r="O19" s="109"/>
      <c r="P19" s="109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A19" s="110"/>
      <c r="AB19" s="110"/>
      <c r="AC19" s="110"/>
      <c r="AD19" s="110"/>
      <c r="AE19" s="110"/>
      <c r="AF19" s="110"/>
      <c r="AG19" s="110"/>
      <c r="AH19" s="110"/>
      <c r="AI19" s="110"/>
      <c r="AJ19" s="110"/>
      <c r="AK19" s="110"/>
      <c r="AL19" s="110"/>
      <c r="AM19" s="110"/>
      <c r="AN19" s="110"/>
      <c r="AO19" s="110"/>
      <c r="AP19" s="110"/>
      <c r="AQ19" s="110"/>
      <c r="AR19" s="110"/>
      <c r="AS19" s="110"/>
      <c r="AT19" s="110"/>
      <c r="AU19" s="110"/>
      <c r="AV19" s="110"/>
      <c r="AW19" s="110"/>
      <c r="AX19" s="110"/>
      <c r="AY19" s="110"/>
      <c r="AZ19" s="110"/>
      <c r="BA19" s="110"/>
      <c r="BB19" s="110"/>
      <c r="BC19" s="110"/>
      <c r="BD19" s="110"/>
      <c r="BE19" s="110"/>
      <c r="BF19" s="110"/>
      <c r="BG19" s="110"/>
      <c r="BH19" s="110"/>
      <c r="BI19" s="110"/>
      <c r="BJ19" s="110"/>
    </row>
    <row r="20" spans="1:62" s="40" customFormat="1" ht="33" customHeight="1" x14ac:dyDescent="0.25">
      <c r="A20" s="86" t="s">
        <v>0</v>
      </c>
      <c r="B20" s="65"/>
      <c r="C20" s="66"/>
      <c r="D20" s="84"/>
      <c r="E20" s="84"/>
      <c r="F20" s="84"/>
      <c r="G20" s="84"/>
      <c r="H20" s="67"/>
      <c r="I20" s="68"/>
      <c r="J20" s="93"/>
      <c r="K20" s="135" t="s">
        <v>353</v>
      </c>
      <c r="L20" s="97"/>
      <c r="M20" s="97"/>
      <c r="N20" s="50"/>
      <c r="O20" s="50"/>
      <c r="P20" s="50"/>
    </row>
    <row r="21" spans="1:62" s="40" customFormat="1" ht="33" customHeight="1" x14ac:dyDescent="0.25">
      <c r="A21" s="85" t="s">
        <v>12</v>
      </c>
      <c r="B21" s="69"/>
      <c r="C21" s="70"/>
      <c r="D21" s="85"/>
      <c r="E21" s="85"/>
      <c r="F21" s="85"/>
      <c r="G21" s="86"/>
      <c r="H21" s="71"/>
      <c r="I21" s="72"/>
      <c r="J21" s="94"/>
      <c r="K21" s="136"/>
      <c r="L21" s="97"/>
      <c r="M21" s="97"/>
      <c r="N21" s="50"/>
      <c r="O21" s="50"/>
      <c r="P21" s="50"/>
    </row>
    <row r="22" spans="1:62" s="40" customFormat="1" ht="33" customHeight="1" x14ac:dyDescent="0.25">
      <c r="A22" s="87" t="s">
        <v>13</v>
      </c>
      <c r="B22" s="88"/>
      <c r="C22" s="89"/>
      <c r="D22" s="87"/>
      <c r="E22" s="87"/>
      <c r="F22" s="87"/>
      <c r="G22" s="87"/>
      <c r="H22" s="90"/>
      <c r="I22" s="91"/>
      <c r="J22" s="95"/>
      <c r="K22" s="137"/>
      <c r="L22" s="97"/>
      <c r="M22" s="97"/>
      <c r="N22" s="50"/>
      <c r="O22" s="50"/>
      <c r="P22" s="50"/>
    </row>
    <row r="23" spans="1:62" s="13" customFormat="1" ht="15.75" customHeight="1" x14ac:dyDescent="0.2">
      <c r="A23" s="23"/>
      <c r="B23" s="23"/>
      <c r="C23" s="10"/>
      <c r="D23" s="41"/>
      <c r="F23" s="14"/>
      <c r="G23" s="14"/>
      <c r="H23" s="14"/>
      <c r="I23" s="14"/>
      <c r="J23" s="26"/>
      <c r="K23" s="26"/>
      <c r="L23" s="26"/>
      <c r="M23" s="26"/>
    </row>
    <row r="24" spans="1:62" s="46" customFormat="1" ht="29.25" customHeight="1" x14ac:dyDescent="0.25">
      <c r="A24" s="139" t="s">
        <v>368</v>
      </c>
      <c r="B24" s="139"/>
      <c r="C24" s="139"/>
      <c r="D24" s="139"/>
      <c r="E24" s="139"/>
      <c r="F24" s="139"/>
      <c r="G24" s="139"/>
      <c r="H24" s="139"/>
      <c r="I24" s="139"/>
      <c r="J24" s="139"/>
      <c r="K24" s="139"/>
      <c r="L24" s="64"/>
      <c r="M24" s="64"/>
      <c r="N24" s="64"/>
      <c r="O24" s="64"/>
      <c r="P24" s="64"/>
    </row>
    <row r="25" spans="1:62" s="39" customFormat="1" ht="33" customHeight="1" x14ac:dyDescent="0.25">
      <c r="A25" s="128" t="s">
        <v>24</v>
      </c>
      <c r="B25" s="128" t="s">
        <v>39</v>
      </c>
      <c r="C25" s="128" t="s">
        <v>40</v>
      </c>
      <c r="D25" s="128" t="s">
        <v>30</v>
      </c>
      <c r="E25" s="128" t="s">
        <v>32</v>
      </c>
      <c r="F25" s="128" t="s">
        <v>41</v>
      </c>
      <c r="G25" s="128" t="s">
        <v>42</v>
      </c>
      <c r="H25" s="130" t="s">
        <v>45</v>
      </c>
      <c r="I25" s="131"/>
      <c r="J25" s="131"/>
      <c r="K25" s="132" t="s">
        <v>53</v>
      </c>
      <c r="L25" s="134"/>
      <c r="M25" s="134"/>
      <c r="N25" s="47"/>
      <c r="O25" s="47"/>
      <c r="P25" s="47"/>
    </row>
    <row r="26" spans="1:62" s="39" customFormat="1" ht="22.5" customHeight="1" x14ac:dyDescent="0.25">
      <c r="A26" s="129"/>
      <c r="B26" s="129"/>
      <c r="C26" s="129"/>
      <c r="D26" s="129"/>
      <c r="E26" s="129"/>
      <c r="F26" s="129"/>
      <c r="G26" s="129"/>
      <c r="H26" s="48" t="s">
        <v>26</v>
      </c>
      <c r="I26" s="49" t="s">
        <v>27</v>
      </c>
      <c r="J26" s="92" t="s">
        <v>28</v>
      </c>
      <c r="K26" s="133"/>
      <c r="L26" s="96"/>
      <c r="M26" s="96"/>
      <c r="N26" s="47"/>
      <c r="O26" s="47"/>
      <c r="P26" s="47"/>
    </row>
    <row r="27" spans="1:62" s="111" customFormat="1" ht="14.1" customHeight="1" x14ac:dyDescent="0.25">
      <c r="A27" s="102" t="s">
        <v>0</v>
      </c>
      <c r="B27" s="103" t="s">
        <v>12</v>
      </c>
      <c r="C27" s="103" t="s">
        <v>13</v>
      </c>
      <c r="D27" s="103" t="s">
        <v>14</v>
      </c>
      <c r="E27" s="112" t="s">
        <v>15</v>
      </c>
      <c r="F27" s="104" t="s">
        <v>16</v>
      </c>
      <c r="G27" s="99" t="s">
        <v>17</v>
      </c>
      <c r="H27" s="105" t="s">
        <v>18</v>
      </c>
      <c r="I27" s="106" t="s">
        <v>19</v>
      </c>
      <c r="J27" s="107" t="s">
        <v>35</v>
      </c>
      <c r="K27" s="108" t="s">
        <v>36</v>
      </c>
      <c r="L27" s="117"/>
      <c r="M27" s="117"/>
      <c r="N27" s="109"/>
      <c r="O27" s="109"/>
      <c r="P27" s="109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0"/>
      <c r="AP27" s="110"/>
      <c r="AQ27" s="110"/>
      <c r="AR27" s="110"/>
      <c r="AS27" s="110"/>
      <c r="AT27" s="110"/>
      <c r="AU27" s="110"/>
      <c r="AV27" s="110"/>
      <c r="AW27" s="110"/>
      <c r="AX27" s="110"/>
      <c r="AY27" s="110"/>
      <c r="AZ27" s="110"/>
      <c r="BA27" s="110"/>
      <c r="BB27" s="110"/>
      <c r="BC27" s="110"/>
      <c r="BD27" s="110"/>
      <c r="BE27" s="110"/>
      <c r="BF27" s="110"/>
      <c r="BG27" s="110"/>
      <c r="BH27" s="110"/>
      <c r="BI27" s="110"/>
      <c r="BJ27" s="110"/>
    </row>
    <row r="28" spans="1:62" s="40" customFormat="1" ht="33" customHeight="1" x14ac:dyDescent="0.25">
      <c r="A28" s="86" t="s">
        <v>0</v>
      </c>
      <c r="B28" s="65"/>
      <c r="C28" s="66"/>
      <c r="D28" s="84"/>
      <c r="E28" s="84"/>
      <c r="F28" s="84"/>
      <c r="G28" s="84"/>
      <c r="H28" s="67"/>
      <c r="I28" s="68"/>
      <c r="J28" s="93"/>
      <c r="K28" s="135" t="s">
        <v>373</v>
      </c>
      <c r="L28" s="97"/>
      <c r="M28" s="97"/>
      <c r="N28" s="50"/>
      <c r="O28" s="50"/>
      <c r="P28" s="50"/>
    </row>
    <row r="29" spans="1:62" s="40" customFormat="1" ht="33" customHeight="1" x14ac:dyDescent="0.25">
      <c r="A29" s="85" t="s">
        <v>12</v>
      </c>
      <c r="B29" s="69"/>
      <c r="C29" s="70"/>
      <c r="D29" s="85"/>
      <c r="E29" s="85"/>
      <c r="F29" s="85"/>
      <c r="G29" s="86"/>
      <c r="H29" s="71"/>
      <c r="I29" s="72"/>
      <c r="J29" s="94"/>
      <c r="K29" s="136"/>
      <c r="L29" s="97"/>
      <c r="M29" s="97"/>
      <c r="N29" s="50"/>
      <c r="O29" s="50"/>
      <c r="P29" s="50"/>
    </row>
    <row r="30" spans="1:62" s="40" customFormat="1" ht="33" customHeight="1" x14ac:dyDescent="0.25">
      <c r="A30" s="87" t="s">
        <v>13</v>
      </c>
      <c r="B30" s="88"/>
      <c r="C30" s="89"/>
      <c r="D30" s="87"/>
      <c r="E30" s="87"/>
      <c r="F30" s="87"/>
      <c r="G30" s="87"/>
      <c r="H30" s="90"/>
      <c r="I30" s="91"/>
      <c r="J30" s="95"/>
      <c r="K30" s="137"/>
      <c r="L30" s="97"/>
      <c r="M30" s="97"/>
      <c r="N30" s="50"/>
      <c r="O30" s="50"/>
      <c r="P30" s="50"/>
    </row>
    <row r="31" spans="1:62" s="45" customFormat="1" ht="33" customHeight="1" x14ac:dyDescent="0.25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127"/>
      <c r="M31" s="127"/>
      <c r="O31" s="63"/>
      <c r="P31" s="63"/>
    </row>
    <row r="32" spans="1:62" s="46" customFormat="1" ht="29.25" customHeight="1" x14ac:dyDescent="0.25">
      <c r="A32" s="139" t="s">
        <v>369</v>
      </c>
      <c r="B32" s="139"/>
      <c r="C32" s="139"/>
      <c r="D32" s="139"/>
      <c r="E32" s="139"/>
      <c r="F32" s="139"/>
      <c r="G32" s="139"/>
      <c r="H32" s="139"/>
      <c r="I32" s="139"/>
      <c r="J32" s="139"/>
      <c r="K32" s="139"/>
      <c r="L32" s="64"/>
      <c r="M32" s="64"/>
      <c r="N32" s="64"/>
      <c r="O32" s="64"/>
      <c r="P32" s="64"/>
    </row>
    <row r="33" spans="1:62" s="39" customFormat="1" ht="33" customHeight="1" x14ac:dyDescent="0.25">
      <c r="A33" s="128" t="s">
        <v>24</v>
      </c>
      <c r="B33" s="128" t="s">
        <v>39</v>
      </c>
      <c r="C33" s="128" t="s">
        <v>40</v>
      </c>
      <c r="D33" s="128" t="s">
        <v>30</v>
      </c>
      <c r="E33" s="128" t="s">
        <v>32</v>
      </c>
      <c r="F33" s="128" t="s">
        <v>41</v>
      </c>
      <c r="G33" s="128" t="s">
        <v>42</v>
      </c>
      <c r="H33" s="130" t="s">
        <v>45</v>
      </c>
      <c r="I33" s="131"/>
      <c r="J33" s="131"/>
      <c r="K33" s="132" t="s">
        <v>53</v>
      </c>
      <c r="L33" s="134"/>
      <c r="M33" s="134"/>
      <c r="N33" s="47"/>
      <c r="O33" s="47"/>
      <c r="P33" s="47"/>
    </row>
    <row r="34" spans="1:62" s="39" customFormat="1" ht="22.5" customHeight="1" x14ac:dyDescent="0.25">
      <c r="A34" s="129"/>
      <c r="B34" s="129"/>
      <c r="C34" s="129"/>
      <c r="D34" s="129"/>
      <c r="E34" s="129"/>
      <c r="F34" s="129"/>
      <c r="G34" s="129"/>
      <c r="H34" s="48" t="s">
        <v>26</v>
      </c>
      <c r="I34" s="49" t="s">
        <v>27</v>
      </c>
      <c r="J34" s="92" t="s">
        <v>28</v>
      </c>
      <c r="K34" s="133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35" t="s">
        <v>373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36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37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39" t="s">
        <v>370</v>
      </c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64"/>
      <c r="M40" s="64"/>
      <c r="N40" s="64"/>
      <c r="O40" s="64"/>
      <c r="P40" s="64"/>
    </row>
    <row r="41" spans="1:62" s="39" customFormat="1" ht="33" customHeight="1" x14ac:dyDescent="0.25">
      <c r="A41" s="128" t="s">
        <v>24</v>
      </c>
      <c r="B41" s="128" t="s">
        <v>39</v>
      </c>
      <c r="C41" s="128" t="s">
        <v>40</v>
      </c>
      <c r="D41" s="128" t="s">
        <v>30</v>
      </c>
      <c r="E41" s="128" t="s">
        <v>32</v>
      </c>
      <c r="F41" s="128" t="s">
        <v>41</v>
      </c>
      <c r="G41" s="128" t="s">
        <v>42</v>
      </c>
      <c r="H41" s="130" t="s">
        <v>45</v>
      </c>
      <c r="I41" s="131"/>
      <c r="J41" s="131"/>
      <c r="K41" s="132" t="s">
        <v>53</v>
      </c>
      <c r="L41" s="134"/>
      <c r="M41" s="134"/>
      <c r="N41" s="47"/>
      <c r="O41" s="47"/>
      <c r="P41" s="47"/>
    </row>
    <row r="42" spans="1:62" s="39" customFormat="1" ht="22.5" customHeight="1" x14ac:dyDescent="0.25">
      <c r="A42" s="129"/>
      <c r="B42" s="129"/>
      <c r="C42" s="129"/>
      <c r="D42" s="129"/>
      <c r="E42" s="129"/>
      <c r="F42" s="129"/>
      <c r="G42" s="129"/>
      <c r="H42" s="48" t="s">
        <v>26</v>
      </c>
      <c r="I42" s="49" t="s">
        <v>27</v>
      </c>
      <c r="J42" s="92" t="s">
        <v>28</v>
      </c>
      <c r="K42" s="133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35" t="s">
        <v>353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36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37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39" t="s">
        <v>371</v>
      </c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64"/>
      <c r="M48" s="64"/>
      <c r="N48" s="64"/>
      <c r="O48" s="64"/>
      <c r="P48" s="64"/>
    </row>
    <row r="49" spans="1:62" s="39" customFormat="1" ht="33" customHeight="1" x14ac:dyDescent="0.25">
      <c r="A49" s="128" t="s">
        <v>24</v>
      </c>
      <c r="B49" s="128" t="s">
        <v>39</v>
      </c>
      <c r="C49" s="128" t="s">
        <v>40</v>
      </c>
      <c r="D49" s="128" t="s">
        <v>30</v>
      </c>
      <c r="E49" s="128" t="s">
        <v>32</v>
      </c>
      <c r="F49" s="128" t="s">
        <v>41</v>
      </c>
      <c r="G49" s="128" t="s">
        <v>42</v>
      </c>
      <c r="H49" s="130" t="s">
        <v>45</v>
      </c>
      <c r="I49" s="131"/>
      <c r="J49" s="131"/>
      <c r="K49" s="132" t="s">
        <v>53</v>
      </c>
      <c r="L49" s="134"/>
      <c r="M49" s="134"/>
      <c r="N49" s="47"/>
      <c r="O49" s="47"/>
      <c r="P49" s="47"/>
    </row>
    <row r="50" spans="1:62" s="39" customFormat="1" ht="22.5" customHeight="1" x14ac:dyDescent="0.25">
      <c r="A50" s="129"/>
      <c r="B50" s="129"/>
      <c r="C50" s="129"/>
      <c r="D50" s="129"/>
      <c r="E50" s="129"/>
      <c r="F50" s="129"/>
      <c r="G50" s="129"/>
      <c r="H50" s="48" t="s">
        <v>26</v>
      </c>
      <c r="I50" s="49" t="s">
        <v>27</v>
      </c>
      <c r="J50" s="92" t="s">
        <v>28</v>
      </c>
      <c r="K50" s="133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35" t="s">
        <v>353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36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37"/>
      <c r="L54" s="97"/>
      <c r="M54" s="97"/>
      <c r="N54" s="50"/>
      <c r="O54" s="50"/>
      <c r="P54" s="50"/>
    </row>
    <row r="55" spans="1:62" s="45" customFormat="1" ht="33" customHeight="1" x14ac:dyDescent="0.25">
      <c r="A55" s="60"/>
      <c r="B55" s="61"/>
      <c r="C55" s="61"/>
      <c r="D55" s="61"/>
      <c r="E55" s="62"/>
      <c r="F55" s="62"/>
      <c r="G55" s="62"/>
      <c r="H55" s="62"/>
      <c r="I55" s="61"/>
      <c r="J55" s="61"/>
      <c r="K55" s="61"/>
      <c r="L55" s="127"/>
      <c r="M55" s="127"/>
      <c r="O55" s="63"/>
      <c r="P55" s="63"/>
    </row>
    <row r="56" spans="1:62" s="46" customFormat="1" ht="29.25" customHeight="1" x14ac:dyDescent="0.25">
      <c r="A56" s="139" t="s">
        <v>372</v>
      </c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64"/>
      <c r="M56" s="64"/>
      <c r="N56" s="64"/>
      <c r="O56" s="64"/>
      <c r="P56" s="64"/>
    </row>
    <row r="57" spans="1:62" s="39" customFormat="1" ht="33" customHeight="1" x14ac:dyDescent="0.25">
      <c r="A57" s="128" t="s">
        <v>24</v>
      </c>
      <c r="B57" s="128" t="s">
        <v>39</v>
      </c>
      <c r="C57" s="128" t="s">
        <v>40</v>
      </c>
      <c r="D57" s="128" t="s">
        <v>30</v>
      </c>
      <c r="E57" s="128" t="s">
        <v>32</v>
      </c>
      <c r="F57" s="128" t="s">
        <v>41</v>
      </c>
      <c r="G57" s="128" t="s">
        <v>42</v>
      </c>
      <c r="H57" s="130" t="s">
        <v>45</v>
      </c>
      <c r="I57" s="131"/>
      <c r="J57" s="131"/>
      <c r="K57" s="132" t="s">
        <v>53</v>
      </c>
      <c r="L57" s="134"/>
      <c r="M57" s="134"/>
      <c r="N57" s="47"/>
      <c r="O57" s="47"/>
      <c r="P57" s="47"/>
    </row>
    <row r="58" spans="1:62" s="39" customFormat="1" ht="22.5" customHeight="1" x14ac:dyDescent="0.25">
      <c r="A58" s="129"/>
      <c r="B58" s="129"/>
      <c r="C58" s="129"/>
      <c r="D58" s="129"/>
      <c r="E58" s="129"/>
      <c r="F58" s="129"/>
      <c r="G58" s="129"/>
      <c r="H58" s="48" t="s">
        <v>26</v>
      </c>
      <c r="I58" s="49" t="s">
        <v>27</v>
      </c>
      <c r="J58" s="92" t="s">
        <v>28</v>
      </c>
      <c r="K58" s="133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35" t="s">
        <v>353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36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37"/>
      <c r="L62" s="97"/>
      <c r="M62" s="97"/>
      <c r="N62" s="50"/>
      <c r="O62" s="50"/>
      <c r="P62" s="50"/>
    </row>
    <row r="63" spans="1:62" s="13" customFormat="1" ht="15.75" customHeight="1" x14ac:dyDescent="0.2">
      <c r="A63" s="23"/>
      <c r="B63" s="23"/>
      <c r="C63" s="10"/>
      <c r="D63" s="41"/>
      <c r="F63" s="14"/>
      <c r="G63" s="14"/>
      <c r="H63" s="14"/>
      <c r="I63" s="14"/>
      <c r="J63" s="26"/>
      <c r="K63" s="26"/>
      <c r="L63" s="26"/>
      <c r="M63" s="26"/>
    </row>
    <row r="64" spans="1:62" s="18" customFormat="1" ht="20.100000000000001" customHeight="1" x14ac:dyDescent="0.2">
      <c r="A64" s="42" t="s">
        <v>3</v>
      </c>
      <c r="B64" s="42"/>
      <c r="C64" s="141"/>
      <c r="D64" s="141"/>
      <c r="E64" s="25"/>
      <c r="F64" s="17"/>
      <c r="G64" s="17"/>
      <c r="H64" s="17"/>
      <c r="I64" s="17"/>
      <c r="J64" s="17"/>
      <c r="K64" s="26"/>
      <c r="L64" s="26"/>
    </row>
    <row r="65" spans="1:13" s="18" customFormat="1" ht="20.100000000000001" customHeight="1" x14ac:dyDescent="0.2">
      <c r="A65" s="42" t="s">
        <v>4</v>
      </c>
      <c r="B65" s="42"/>
      <c r="C65" s="140"/>
      <c r="D65" s="140"/>
      <c r="E65" s="20"/>
      <c r="F65" s="17"/>
      <c r="G65" s="17"/>
      <c r="H65" s="17"/>
      <c r="I65" s="17"/>
      <c r="J65" s="17"/>
      <c r="K65" s="21"/>
      <c r="L65" s="22"/>
    </row>
    <row r="66" spans="1:13" s="18" customFormat="1" ht="20.100000000000001" customHeight="1" x14ac:dyDescent="0.2">
      <c r="A66" s="42" t="s">
        <v>5</v>
      </c>
      <c r="B66" s="42"/>
      <c r="C66" s="140"/>
      <c r="D66" s="140"/>
      <c r="E66" s="20"/>
      <c r="F66" s="17"/>
      <c r="G66" s="17"/>
      <c r="H66" s="17"/>
      <c r="I66" s="17"/>
      <c r="J66" s="17"/>
      <c r="K66" s="21"/>
      <c r="L66" s="22"/>
    </row>
    <row r="67" spans="1:13" s="18" customFormat="1" ht="20.100000000000001" customHeight="1" x14ac:dyDescent="0.25">
      <c r="A67" s="42"/>
      <c r="B67" s="42"/>
      <c r="C67" s="42"/>
      <c r="D67" s="19"/>
      <c r="E67" s="20"/>
      <c r="F67" s="17"/>
      <c r="G67" s="17"/>
      <c r="H67" s="17"/>
      <c r="I67" s="17"/>
      <c r="J67" s="17"/>
      <c r="K67" s="21"/>
      <c r="L67" s="22"/>
    </row>
    <row r="68" spans="1:13" s="18" customFormat="1" ht="20.100000000000001" customHeight="1" x14ac:dyDescent="0.2">
      <c r="A68" s="42" t="s">
        <v>6</v>
      </c>
      <c r="B68" s="42"/>
      <c r="C68" s="141"/>
      <c r="D68" s="141"/>
      <c r="E68" s="20"/>
      <c r="F68" s="17"/>
      <c r="G68" s="17"/>
      <c r="H68" s="17"/>
      <c r="I68" s="17"/>
      <c r="J68" s="17"/>
      <c r="K68" s="21"/>
      <c r="L68" s="22"/>
    </row>
    <row r="69" spans="1:13" s="18" customFormat="1" ht="20.100000000000001" customHeight="1" x14ac:dyDescent="0.2">
      <c r="A69" s="42" t="s">
        <v>7</v>
      </c>
      <c r="B69" s="42"/>
      <c r="C69" s="140"/>
      <c r="D69" s="140"/>
      <c r="E69" s="20"/>
      <c r="F69" s="17"/>
      <c r="G69" s="27" t="s">
        <v>20</v>
      </c>
      <c r="H69" s="151"/>
      <c r="I69" s="151"/>
      <c r="J69" s="17"/>
      <c r="K69" s="21"/>
      <c r="L69" s="22"/>
    </row>
    <row r="70" spans="1:13" s="18" customFormat="1" ht="20.100000000000001" customHeight="1" x14ac:dyDescent="0.2">
      <c r="A70" s="42" t="s">
        <v>8</v>
      </c>
      <c r="B70" s="42"/>
      <c r="C70" s="140"/>
      <c r="D70" s="140"/>
      <c r="E70" s="20"/>
      <c r="F70" s="17"/>
      <c r="G70" s="28"/>
      <c r="H70" s="29"/>
      <c r="I70" s="29"/>
    </row>
    <row r="71" spans="1:13" s="18" customFormat="1" ht="20.100000000000001" customHeight="1" x14ac:dyDescent="0.25">
      <c r="A71" s="19"/>
      <c r="B71" s="19"/>
      <c r="C71" s="19"/>
      <c r="D71" s="20"/>
      <c r="E71" s="20"/>
      <c r="F71" s="17"/>
      <c r="G71" s="30" t="s">
        <v>21</v>
      </c>
      <c r="H71" s="152"/>
      <c r="I71" s="152"/>
    </row>
    <row r="72" spans="1:13" s="18" customFormat="1" ht="20.100000000000001" customHeight="1" x14ac:dyDescent="0.25">
      <c r="A72" s="19"/>
      <c r="B72" s="19"/>
      <c r="C72" s="19"/>
      <c r="D72" s="20"/>
      <c r="E72" s="20"/>
      <c r="F72" s="17"/>
      <c r="G72" s="30" t="s">
        <v>22</v>
      </c>
      <c r="H72" s="150"/>
      <c r="I72" s="150"/>
    </row>
    <row r="73" spans="1:13" s="13" customFormat="1" ht="20.100000000000001" customHeight="1" x14ac:dyDescent="0.2">
      <c r="A73" s="10" t="s">
        <v>2</v>
      </c>
      <c r="B73" s="140"/>
      <c r="C73" s="140"/>
      <c r="D73" s="11"/>
      <c r="E73" s="11"/>
      <c r="F73" s="14"/>
      <c r="G73" s="31" t="s">
        <v>23</v>
      </c>
      <c r="H73" s="28"/>
      <c r="I73" s="32"/>
      <c r="M73" s="10"/>
    </row>
    <row r="74" spans="1:13" s="13" customFormat="1" ht="20.100000000000001" customHeight="1" x14ac:dyDescent="0.2">
      <c r="A74" s="10" t="s">
        <v>1</v>
      </c>
      <c r="B74" s="149"/>
      <c r="C74" s="149"/>
      <c r="D74" s="11"/>
      <c r="E74" s="11"/>
      <c r="F74" s="14"/>
      <c r="G74" s="14"/>
      <c r="H74" s="14"/>
      <c r="I74" s="14"/>
      <c r="M74" s="10"/>
    </row>
    <row r="75" spans="1:13" s="13" customFormat="1" x14ac:dyDescent="0.2">
      <c r="A75" s="10"/>
      <c r="B75" s="10"/>
      <c r="C75" s="10"/>
      <c r="D75" s="11"/>
      <c r="E75" s="11"/>
      <c r="F75" s="14"/>
      <c r="G75" s="14"/>
      <c r="H75" s="14"/>
      <c r="I75" s="14"/>
      <c r="J75" s="14"/>
      <c r="K75" s="12"/>
      <c r="L75" s="10"/>
      <c r="M75" s="10"/>
    </row>
    <row r="76" spans="1:13" s="13" customFormat="1" ht="15" customHeight="1" x14ac:dyDescent="0.2">
      <c r="A76" s="10"/>
      <c r="B76" s="10"/>
      <c r="D76" s="11"/>
      <c r="E76" s="11"/>
      <c r="F76" s="14"/>
      <c r="G76" s="14"/>
      <c r="H76" s="14"/>
      <c r="I76" s="14"/>
      <c r="J76" s="14"/>
      <c r="K76" s="12"/>
      <c r="L76" s="10"/>
      <c r="M76" s="10"/>
    </row>
    <row r="77" spans="1:13" s="2" customFormat="1" x14ac:dyDescent="0.2">
      <c r="A77" s="148" t="s">
        <v>10</v>
      </c>
      <c r="B77" s="148"/>
      <c r="D77" s="3"/>
      <c r="E77" s="3"/>
      <c r="F77" s="4"/>
      <c r="G77" s="4"/>
      <c r="H77" s="4"/>
      <c r="I77" s="4"/>
      <c r="J77" s="4"/>
      <c r="K77" s="15"/>
    </row>
    <row r="78" spans="1:13" ht="14.25" x14ac:dyDescent="0.2">
      <c r="A78" s="33"/>
      <c r="B78" s="34" t="s">
        <v>11</v>
      </c>
    </row>
    <row r="79" spans="1:13" ht="6.75" customHeight="1" x14ac:dyDescent="0.2">
      <c r="A79" s="35"/>
      <c r="B79" s="36"/>
    </row>
  </sheetData>
  <mergeCells count="9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6:K16"/>
    <mergeCell ref="A17:A18"/>
    <mergeCell ref="B17:B18"/>
    <mergeCell ref="C17:C18"/>
    <mergeCell ref="D17:D18"/>
    <mergeCell ref="E17:E18"/>
    <mergeCell ref="F17:F18"/>
    <mergeCell ref="G17:G18"/>
    <mergeCell ref="K28:K30"/>
    <mergeCell ref="H17:J17"/>
    <mergeCell ref="K17:K18"/>
    <mergeCell ref="L17:M17"/>
    <mergeCell ref="K20:K22"/>
    <mergeCell ref="A24:K24"/>
    <mergeCell ref="A25:A26"/>
    <mergeCell ref="B25:B26"/>
    <mergeCell ref="C25:C26"/>
    <mergeCell ref="D25:D26"/>
    <mergeCell ref="E25:E26"/>
    <mergeCell ref="F25:F26"/>
    <mergeCell ref="G25:G26"/>
    <mergeCell ref="H25:J25"/>
    <mergeCell ref="K25:K26"/>
    <mergeCell ref="L25:M25"/>
    <mergeCell ref="A32:K32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L33:M33"/>
    <mergeCell ref="K36:K38"/>
    <mergeCell ref="A40:K40"/>
    <mergeCell ref="A41:A42"/>
    <mergeCell ref="B41:B42"/>
    <mergeCell ref="C41:C42"/>
    <mergeCell ref="D41:D42"/>
    <mergeCell ref="E41:E42"/>
    <mergeCell ref="F41:F42"/>
    <mergeCell ref="G41:G42"/>
    <mergeCell ref="K52:K54"/>
    <mergeCell ref="H41:J41"/>
    <mergeCell ref="K41:K42"/>
    <mergeCell ref="L41:M41"/>
    <mergeCell ref="K44:K46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49:M49"/>
    <mergeCell ref="C64:D64"/>
    <mergeCell ref="C65:D65"/>
    <mergeCell ref="L57:M57"/>
    <mergeCell ref="K60:K62"/>
    <mergeCell ref="A56:K56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  <mergeCell ref="H72:I72"/>
    <mergeCell ref="B73:C73"/>
    <mergeCell ref="B74:C74"/>
    <mergeCell ref="A77:B77"/>
    <mergeCell ref="C66:D66"/>
    <mergeCell ref="C68:D68"/>
    <mergeCell ref="C69:D69"/>
    <mergeCell ref="H69:I69"/>
    <mergeCell ref="C70:D70"/>
    <mergeCell ref="H71:I71"/>
  </mergeCells>
  <conditionalFormatting sqref="B73:C73">
    <cfRule type="containsBlanks" dxfId="95" priority="6">
      <formula>LEN(TRIM(B73))=0</formula>
    </cfRule>
  </conditionalFormatting>
  <conditionalFormatting sqref="B74:C74">
    <cfRule type="containsBlanks" dxfId="94" priority="5">
      <formula>LEN(TRIM(B74))=0</formula>
    </cfRule>
  </conditionalFormatting>
  <conditionalFormatting sqref="H71:I71">
    <cfRule type="containsBlanks" dxfId="93" priority="4">
      <formula>LEN(TRIM(H71))=0</formula>
    </cfRule>
  </conditionalFormatting>
  <conditionalFormatting sqref="H72:I72">
    <cfRule type="containsBlanks" dxfId="92" priority="3">
      <formula>LEN(TRIM(H72))=0</formula>
    </cfRule>
  </conditionalFormatting>
  <conditionalFormatting sqref="C64:D66">
    <cfRule type="containsBlanks" dxfId="91" priority="2">
      <formula>LEN(TRIM(C64))=0</formula>
    </cfRule>
  </conditionalFormatting>
  <conditionalFormatting sqref="C68:D70">
    <cfRule type="containsBlanks" dxfId="90" priority="1">
      <formula>LEN(TRIM(C68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3" max="12" man="1"/>
    <brk id="47" max="12" man="1"/>
  </rowBreaks>
  <colBreaks count="1" manualBreakCount="1">
    <brk id="13" max="28" man="1"/>
  </colBreaks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375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376</v>
      </c>
      <c r="C9" s="114" t="s">
        <v>46</v>
      </c>
      <c r="D9" s="119">
        <v>2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377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298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89" priority="6">
      <formula>LEN(TRIM(B28))=0</formula>
    </cfRule>
  </conditionalFormatting>
  <conditionalFormatting sqref="B29:C29">
    <cfRule type="containsBlanks" dxfId="88" priority="5">
      <formula>LEN(TRIM(B29))=0</formula>
    </cfRule>
  </conditionalFormatting>
  <conditionalFormatting sqref="H26:I26">
    <cfRule type="containsBlanks" dxfId="87" priority="4">
      <formula>LEN(TRIM(H26))=0</formula>
    </cfRule>
  </conditionalFormatting>
  <conditionalFormatting sqref="H27:I27">
    <cfRule type="containsBlanks" dxfId="86" priority="3">
      <formula>LEN(TRIM(H27))=0</formula>
    </cfRule>
  </conditionalFormatting>
  <conditionalFormatting sqref="C19:D21">
    <cfRule type="containsBlanks" dxfId="85" priority="2">
      <formula>LEN(TRIM(C19))=0</formula>
    </cfRule>
  </conditionalFormatting>
  <conditionalFormatting sqref="C23:D25">
    <cfRule type="containsBlanks" dxfId="8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37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379</v>
      </c>
      <c r="C9" s="114" t="s">
        <v>46</v>
      </c>
      <c r="D9" s="119">
        <v>3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380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29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83" priority="6">
      <formula>LEN(TRIM(B28))=0</formula>
    </cfRule>
  </conditionalFormatting>
  <conditionalFormatting sqref="B29:C29">
    <cfRule type="containsBlanks" dxfId="82" priority="5">
      <formula>LEN(TRIM(B29))=0</formula>
    </cfRule>
  </conditionalFormatting>
  <conditionalFormatting sqref="H26:I26">
    <cfRule type="containsBlanks" dxfId="81" priority="4">
      <formula>LEN(TRIM(H26))=0</formula>
    </cfRule>
  </conditionalFormatting>
  <conditionalFormatting sqref="H27:I27">
    <cfRule type="containsBlanks" dxfId="80" priority="3">
      <formula>LEN(TRIM(H27))=0</formula>
    </cfRule>
  </conditionalFormatting>
  <conditionalFormatting sqref="C19:D21">
    <cfRule type="containsBlanks" dxfId="79" priority="2">
      <formula>LEN(TRIM(C19))=0</formula>
    </cfRule>
  </conditionalFormatting>
  <conditionalFormatting sqref="C23:D25">
    <cfRule type="containsBlanks" dxfId="78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88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47" t="s">
        <v>381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382</v>
      </c>
      <c r="C9" s="114" t="s">
        <v>46</v>
      </c>
      <c r="D9" s="119">
        <v>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383</v>
      </c>
      <c r="C10" s="114" t="s">
        <v>46</v>
      </c>
      <c r="D10" s="119">
        <v>8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384</v>
      </c>
      <c r="C11" s="114" t="s">
        <v>46</v>
      </c>
      <c r="D11" s="119">
        <v>4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385</v>
      </c>
      <c r="C12" s="114" t="s">
        <v>46</v>
      </c>
      <c r="D12" s="119">
        <v>4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386</v>
      </c>
      <c r="C13" s="114" t="s">
        <v>46</v>
      </c>
      <c r="D13" s="119">
        <v>20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x14ac:dyDescent="0.25">
      <c r="A14" s="51" t="s">
        <v>16</v>
      </c>
      <c r="B14" s="52" t="s">
        <v>387</v>
      </c>
      <c r="C14" s="114" t="s">
        <v>46</v>
      </c>
      <c r="D14" s="119">
        <v>200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4" customFormat="1" ht="39.75" customHeight="1" thickBot="1" x14ac:dyDescent="0.3">
      <c r="A15" s="51" t="s">
        <v>17</v>
      </c>
      <c r="B15" s="52" t="s">
        <v>388</v>
      </c>
      <c r="C15" s="114" t="s">
        <v>46</v>
      </c>
      <c r="D15" s="119">
        <v>80</v>
      </c>
      <c r="E15" s="53"/>
      <c r="F15" s="53"/>
      <c r="G15" s="53"/>
      <c r="H15" s="54"/>
      <c r="I15" s="55"/>
      <c r="J15" s="56"/>
      <c r="K15" s="57"/>
      <c r="L15" s="58"/>
      <c r="M15" s="59"/>
      <c r="O15" s="50"/>
      <c r="P15" s="50"/>
    </row>
    <row r="16" spans="1:22" s="45" customFormat="1" ht="33" customHeight="1" thickBot="1" x14ac:dyDescent="0.3">
      <c r="A16" s="60"/>
      <c r="B16" s="61"/>
      <c r="C16" s="61"/>
      <c r="D16" s="61"/>
      <c r="E16" s="62"/>
      <c r="F16" s="62"/>
      <c r="G16" s="62"/>
      <c r="H16" s="62"/>
      <c r="I16" s="61"/>
      <c r="J16" s="61"/>
      <c r="K16" s="61"/>
      <c r="L16" s="98">
        <f>SUM(L9:L15)</f>
        <v>0</v>
      </c>
      <c r="M16" s="116">
        <f>SUM(M9:M15)</f>
        <v>0</v>
      </c>
      <c r="O16" s="63"/>
      <c r="P16" s="63"/>
    </row>
    <row r="17" spans="1:62" s="46" customFormat="1" ht="29.25" customHeight="1" x14ac:dyDescent="0.25">
      <c r="A17" s="139" t="s">
        <v>389</v>
      </c>
      <c r="B17" s="139"/>
      <c r="C17" s="139"/>
      <c r="D17" s="139"/>
      <c r="E17" s="139"/>
      <c r="F17" s="139"/>
      <c r="G17" s="139"/>
      <c r="H17" s="139"/>
      <c r="I17" s="139"/>
      <c r="J17" s="139"/>
      <c r="K17" s="139"/>
      <c r="L17" s="64"/>
      <c r="M17" s="64"/>
      <c r="N17" s="64"/>
      <c r="O17" s="64"/>
      <c r="P17" s="64"/>
    </row>
    <row r="18" spans="1:62" s="39" customFormat="1" ht="33" customHeight="1" x14ac:dyDescent="0.25">
      <c r="A18" s="128" t="s">
        <v>24</v>
      </c>
      <c r="B18" s="128" t="s">
        <v>39</v>
      </c>
      <c r="C18" s="128" t="s">
        <v>40</v>
      </c>
      <c r="D18" s="128" t="s">
        <v>30</v>
      </c>
      <c r="E18" s="128" t="s">
        <v>32</v>
      </c>
      <c r="F18" s="128" t="s">
        <v>41</v>
      </c>
      <c r="G18" s="128" t="s">
        <v>42</v>
      </c>
      <c r="H18" s="130" t="s">
        <v>45</v>
      </c>
      <c r="I18" s="131"/>
      <c r="J18" s="131"/>
      <c r="K18" s="132" t="s">
        <v>53</v>
      </c>
      <c r="L18" s="134"/>
      <c r="M18" s="134"/>
      <c r="N18" s="47"/>
      <c r="O18" s="47"/>
      <c r="P18" s="47"/>
    </row>
    <row r="19" spans="1:62" s="39" customFormat="1" ht="22.5" customHeight="1" x14ac:dyDescent="0.25">
      <c r="A19" s="129"/>
      <c r="B19" s="129"/>
      <c r="C19" s="129"/>
      <c r="D19" s="129"/>
      <c r="E19" s="129"/>
      <c r="F19" s="129"/>
      <c r="G19" s="129"/>
      <c r="H19" s="48" t="s">
        <v>26</v>
      </c>
      <c r="I19" s="49" t="s">
        <v>27</v>
      </c>
      <c r="J19" s="92" t="s">
        <v>28</v>
      </c>
      <c r="K19" s="133"/>
      <c r="L19" s="96"/>
      <c r="M19" s="96"/>
      <c r="N19" s="47"/>
      <c r="O19" s="47"/>
      <c r="P19" s="47"/>
    </row>
    <row r="20" spans="1:62" s="111" customFormat="1" ht="14.1" customHeight="1" x14ac:dyDescent="0.25">
      <c r="A20" s="102" t="s">
        <v>0</v>
      </c>
      <c r="B20" s="103" t="s">
        <v>12</v>
      </c>
      <c r="C20" s="103" t="s">
        <v>13</v>
      </c>
      <c r="D20" s="103" t="s">
        <v>14</v>
      </c>
      <c r="E20" s="112" t="s">
        <v>15</v>
      </c>
      <c r="F20" s="104" t="s">
        <v>16</v>
      </c>
      <c r="G20" s="99" t="s">
        <v>17</v>
      </c>
      <c r="H20" s="105" t="s">
        <v>18</v>
      </c>
      <c r="I20" s="106" t="s">
        <v>19</v>
      </c>
      <c r="J20" s="107" t="s">
        <v>35</v>
      </c>
      <c r="K20" s="108" t="s">
        <v>36</v>
      </c>
      <c r="L20" s="117"/>
      <c r="M20" s="117"/>
      <c r="N20" s="109"/>
      <c r="O20" s="109"/>
      <c r="P20" s="109"/>
      <c r="Q20" s="110"/>
      <c r="R20" s="110"/>
      <c r="S20" s="110"/>
      <c r="T20" s="110"/>
      <c r="U20" s="110"/>
      <c r="V20" s="110"/>
      <c r="W20" s="110"/>
      <c r="X20" s="110"/>
      <c r="Y20" s="110"/>
      <c r="Z20" s="110"/>
      <c r="AA20" s="110"/>
      <c r="AB20" s="110"/>
      <c r="AC20" s="110"/>
      <c r="AD20" s="110"/>
      <c r="AE20" s="110"/>
      <c r="AF20" s="110"/>
      <c r="AG20" s="110"/>
      <c r="AH20" s="110"/>
      <c r="AI20" s="110"/>
      <c r="AJ20" s="110"/>
      <c r="AK20" s="110"/>
      <c r="AL20" s="110"/>
      <c r="AM20" s="110"/>
      <c r="AN20" s="110"/>
      <c r="AO20" s="110"/>
      <c r="AP20" s="110"/>
      <c r="AQ20" s="110"/>
      <c r="AR20" s="110"/>
      <c r="AS20" s="110"/>
      <c r="AT20" s="110"/>
      <c r="AU20" s="110"/>
      <c r="AV20" s="110"/>
      <c r="AW20" s="110"/>
      <c r="AX20" s="110"/>
      <c r="AY20" s="110"/>
      <c r="AZ20" s="110"/>
      <c r="BA20" s="110"/>
      <c r="BB20" s="110"/>
      <c r="BC20" s="110"/>
      <c r="BD20" s="110"/>
      <c r="BE20" s="110"/>
      <c r="BF20" s="110"/>
      <c r="BG20" s="110"/>
      <c r="BH20" s="110"/>
      <c r="BI20" s="110"/>
      <c r="BJ20" s="110"/>
    </row>
    <row r="21" spans="1:62" s="40" customFormat="1" ht="33" customHeight="1" x14ac:dyDescent="0.25">
      <c r="A21" s="86" t="s">
        <v>0</v>
      </c>
      <c r="B21" s="65"/>
      <c r="C21" s="66"/>
      <c r="D21" s="84"/>
      <c r="E21" s="84"/>
      <c r="F21" s="84"/>
      <c r="G21" s="84"/>
      <c r="H21" s="67"/>
      <c r="I21" s="68"/>
      <c r="J21" s="93"/>
      <c r="K21" s="135" t="s">
        <v>353</v>
      </c>
      <c r="L21" s="97"/>
      <c r="M21" s="97"/>
      <c r="N21" s="50"/>
      <c r="O21" s="50"/>
      <c r="P21" s="50"/>
    </row>
    <row r="22" spans="1:62" s="40" customFormat="1" ht="33" customHeight="1" x14ac:dyDescent="0.25">
      <c r="A22" s="85" t="s">
        <v>12</v>
      </c>
      <c r="B22" s="69"/>
      <c r="C22" s="70"/>
      <c r="D22" s="85"/>
      <c r="E22" s="85"/>
      <c r="F22" s="85"/>
      <c r="G22" s="86"/>
      <c r="H22" s="71"/>
      <c r="I22" s="72"/>
      <c r="J22" s="94"/>
      <c r="K22" s="136"/>
      <c r="L22" s="97"/>
      <c r="M22" s="97"/>
      <c r="N22" s="50"/>
      <c r="O22" s="50"/>
      <c r="P22" s="50"/>
    </row>
    <row r="23" spans="1:62" s="40" customFormat="1" ht="33" customHeight="1" x14ac:dyDescent="0.25">
      <c r="A23" s="87" t="s">
        <v>13</v>
      </c>
      <c r="B23" s="88"/>
      <c r="C23" s="89"/>
      <c r="D23" s="87"/>
      <c r="E23" s="87"/>
      <c r="F23" s="87"/>
      <c r="G23" s="87"/>
      <c r="H23" s="90"/>
      <c r="I23" s="91"/>
      <c r="J23" s="95"/>
      <c r="K23" s="137"/>
      <c r="L23" s="97"/>
      <c r="M23" s="97"/>
      <c r="N23" s="50"/>
      <c r="O23" s="50"/>
      <c r="P23" s="50"/>
    </row>
    <row r="24" spans="1:62" s="13" customFormat="1" ht="15.75" customHeight="1" x14ac:dyDescent="0.2">
      <c r="A24" s="23"/>
      <c r="B24" s="23"/>
      <c r="C24" s="10"/>
      <c r="D24" s="41"/>
      <c r="F24" s="14"/>
      <c r="G24" s="14"/>
      <c r="H24" s="14"/>
      <c r="I24" s="14"/>
      <c r="J24" s="26"/>
      <c r="K24" s="26"/>
      <c r="L24" s="26"/>
      <c r="M24" s="26"/>
    </row>
    <row r="25" spans="1:62" s="46" customFormat="1" ht="29.25" customHeight="1" x14ac:dyDescent="0.25">
      <c r="A25" s="139" t="s">
        <v>390</v>
      </c>
      <c r="B25" s="139"/>
      <c r="C25" s="139"/>
      <c r="D25" s="139"/>
      <c r="E25" s="139"/>
      <c r="F25" s="139"/>
      <c r="G25" s="139"/>
      <c r="H25" s="139"/>
      <c r="I25" s="139"/>
      <c r="J25" s="139"/>
      <c r="K25" s="139"/>
      <c r="L25" s="64"/>
      <c r="M25" s="64"/>
      <c r="N25" s="64"/>
      <c r="O25" s="64"/>
      <c r="P25" s="64"/>
    </row>
    <row r="26" spans="1:62" s="39" customFormat="1" ht="33" customHeight="1" x14ac:dyDescent="0.25">
      <c r="A26" s="128" t="s">
        <v>24</v>
      </c>
      <c r="B26" s="128" t="s">
        <v>39</v>
      </c>
      <c r="C26" s="128" t="s">
        <v>40</v>
      </c>
      <c r="D26" s="128" t="s">
        <v>30</v>
      </c>
      <c r="E26" s="128" t="s">
        <v>32</v>
      </c>
      <c r="F26" s="128" t="s">
        <v>41</v>
      </c>
      <c r="G26" s="128" t="s">
        <v>42</v>
      </c>
      <c r="H26" s="130" t="s">
        <v>45</v>
      </c>
      <c r="I26" s="131"/>
      <c r="J26" s="131"/>
      <c r="K26" s="132" t="s">
        <v>53</v>
      </c>
      <c r="L26" s="134"/>
      <c r="M26" s="134"/>
      <c r="N26" s="47"/>
      <c r="O26" s="47"/>
      <c r="P26" s="47"/>
    </row>
    <row r="27" spans="1:62" s="39" customFormat="1" ht="22.5" customHeight="1" x14ac:dyDescent="0.25">
      <c r="A27" s="129"/>
      <c r="B27" s="129"/>
      <c r="C27" s="129"/>
      <c r="D27" s="129"/>
      <c r="E27" s="129"/>
      <c r="F27" s="129"/>
      <c r="G27" s="129"/>
      <c r="H27" s="48" t="s">
        <v>26</v>
      </c>
      <c r="I27" s="49" t="s">
        <v>27</v>
      </c>
      <c r="J27" s="92" t="s">
        <v>28</v>
      </c>
      <c r="K27" s="133"/>
      <c r="L27" s="96"/>
      <c r="M27" s="96"/>
      <c r="N27" s="47"/>
      <c r="O27" s="47"/>
      <c r="P27" s="47"/>
    </row>
    <row r="28" spans="1:62" s="111" customFormat="1" ht="14.1" customHeight="1" x14ac:dyDescent="0.25">
      <c r="A28" s="102" t="s">
        <v>0</v>
      </c>
      <c r="B28" s="103" t="s">
        <v>12</v>
      </c>
      <c r="C28" s="103" t="s">
        <v>13</v>
      </c>
      <c r="D28" s="103" t="s">
        <v>14</v>
      </c>
      <c r="E28" s="112" t="s">
        <v>15</v>
      </c>
      <c r="F28" s="104" t="s">
        <v>16</v>
      </c>
      <c r="G28" s="99" t="s">
        <v>17</v>
      </c>
      <c r="H28" s="105" t="s">
        <v>18</v>
      </c>
      <c r="I28" s="106" t="s">
        <v>19</v>
      </c>
      <c r="J28" s="107" t="s">
        <v>35</v>
      </c>
      <c r="K28" s="108" t="s">
        <v>36</v>
      </c>
      <c r="L28" s="117"/>
      <c r="M28" s="117"/>
      <c r="N28" s="109"/>
      <c r="O28" s="109"/>
      <c r="P28" s="109"/>
      <c r="Q28" s="110"/>
      <c r="R28" s="110"/>
      <c r="S28" s="110"/>
      <c r="T28" s="110"/>
      <c r="U28" s="110"/>
      <c r="V28" s="110"/>
      <c r="W28" s="110"/>
      <c r="X28" s="110"/>
      <c r="Y28" s="110"/>
      <c r="Z28" s="110"/>
      <c r="AA28" s="110"/>
      <c r="AB28" s="110"/>
      <c r="AC28" s="110"/>
      <c r="AD28" s="110"/>
      <c r="AE28" s="110"/>
      <c r="AF28" s="110"/>
      <c r="AG28" s="110"/>
      <c r="AH28" s="110"/>
      <c r="AI28" s="110"/>
      <c r="AJ28" s="110"/>
      <c r="AK28" s="110"/>
      <c r="AL28" s="110"/>
      <c r="AM28" s="110"/>
      <c r="AN28" s="110"/>
      <c r="AO28" s="110"/>
      <c r="AP28" s="110"/>
      <c r="AQ28" s="110"/>
      <c r="AR28" s="110"/>
      <c r="AS28" s="110"/>
      <c r="AT28" s="110"/>
      <c r="AU28" s="110"/>
      <c r="AV28" s="110"/>
      <c r="AW28" s="110"/>
      <c r="AX28" s="110"/>
      <c r="AY28" s="110"/>
      <c r="AZ28" s="110"/>
      <c r="BA28" s="110"/>
      <c r="BB28" s="110"/>
      <c r="BC28" s="110"/>
      <c r="BD28" s="110"/>
      <c r="BE28" s="110"/>
      <c r="BF28" s="110"/>
      <c r="BG28" s="110"/>
      <c r="BH28" s="110"/>
      <c r="BI28" s="110"/>
      <c r="BJ28" s="110"/>
    </row>
    <row r="29" spans="1:62" s="40" customFormat="1" ht="33" customHeight="1" x14ac:dyDescent="0.25">
      <c r="A29" s="86" t="s">
        <v>0</v>
      </c>
      <c r="B29" s="65"/>
      <c r="C29" s="66"/>
      <c r="D29" s="84"/>
      <c r="E29" s="84"/>
      <c r="F29" s="84"/>
      <c r="G29" s="84"/>
      <c r="H29" s="67"/>
      <c r="I29" s="68"/>
      <c r="J29" s="93"/>
      <c r="K29" s="135" t="s">
        <v>353</v>
      </c>
      <c r="L29" s="97"/>
      <c r="M29" s="97"/>
      <c r="N29" s="50"/>
      <c r="O29" s="50"/>
      <c r="P29" s="50"/>
    </row>
    <row r="30" spans="1:62" s="40" customFormat="1" ht="33" customHeight="1" x14ac:dyDescent="0.25">
      <c r="A30" s="85" t="s">
        <v>12</v>
      </c>
      <c r="B30" s="69"/>
      <c r="C30" s="70"/>
      <c r="D30" s="85"/>
      <c r="E30" s="85"/>
      <c r="F30" s="85"/>
      <c r="G30" s="86"/>
      <c r="H30" s="71"/>
      <c r="I30" s="72"/>
      <c r="J30" s="94"/>
      <c r="K30" s="136"/>
      <c r="L30" s="97"/>
      <c r="M30" s="97"/>
      <c r="N30" s="50"/>
      <c r="O30" s="50"/>
      <c r="P30" s="50"/>
    </row>
    <row r="31" spans="1:62" s="40" customFormat="1" ht="33" customHeight="1" x14ac:dyDescent="0.25">
      <c r="A31" s="87" t="s">
        <v>13</v>
      </c>
      <c r="B31" s="88"/>
      <c r="C31" s="89"/>
      <c r="D31" s="87"/>
      <c r="E31" s="87"/>
      <c r="F31" s="87"/>
      <c r="G31" s="87"/>
      <c r="H31" s="90"/>
      <c r="I31" s="91"/>
      <c r="J31" s="95"/>
      <c r="K31" s="137"/>
      <c r="L31" s="97"/>
      <c r="M31" s="97"/>
      <c r="N31" s="50"/>
      <c r="O31" s="50"/>
      <c r="P31" s="50"/>
    </row>
    <row r="32" spans="1:62" s="45" customFormat="1" ht="33" customHeight="1" x14ac:dyDescent="0.25">
      <c r="A32" s="60"/>
      <c r="B32" s="61"/>
      <c r="C32" s="61"/>
      <c r="D32" s="61"/>
      <c r="E32" s="62"/>
      <c r="F32" s="62"/>
      <c r="G32" s="62"/>
      <c r="H32" s="62"/>
      <c r="I32" s="61"/>
      <c r="J32" s="61"/>
      <c r="K32" s="61"/>
      <c r="L32" s="127"/>
      <c r="M32" s="127"/>
      <c r="O32" s="63"/>
      <c r="P32" s="63"/>
    </row>
    <row r="33" spans="1:62" s="46" customFormat="1" ht="29.25" customHeight="1" x14ac:dyDescent="0.25">
      <c r="A33" s="139" t="s">
        <v>391</v>
      </c>
      <c r="B33" s="139"/>
      <c r="C33" s="139"/>
      <c r="D33" s="139"/>
      <c r="E33" s="139"/>
      <c r="F33" s="139"/>
      <c r="G33" s="139"/>
      <c r="H33" s="139"/>
      <c r="I33" s="139"/>
      <c r="J33" s="139"/>
      <c r="K33" s="139"/>
      <c r="L33" s="64"/>
      <c r="M33" s="64"/>
      <c r="N33" s="64"/>
      <c r="O33" s="64"/>
      <c r="P33" s="64"/>
    </row>
    <row r="34" spans="1:62" s="39" customFormat="1" ht="33" customHeight="1" x14ac:dyDescent="0.25">
      <c r="A34" s="128" t="s">
        <v>24</v>
      </c>
      <c r="B34" s="128" t="s">
        <v>39</v>
      </c>
      <c r="C34" s="128" t="s">
        <v>40</v>
      </c>
      <c r="D34" s="128" t="s">
        <v>30</v>
      </c>
      <c r="E34" s="128" t="s">
        <v>32</v>
      </c>
      <c r="F34" s="128" t="s">
        <v>41</v>
      </c>
      <c r="G34" s="128" t="s">
        <v>42</v>
      </c>
      <c r="H34" s="130" t="s">
        <v>45</v>
      </c>
      <c r="I34" s="131"/>
      <c r="J34" s="131"/>
      <c r="K34" s="132" t="s">
        <v>53</v>
      </c>
      <c r="L34" s="134"/>
      <c r="M34" s="134"/>
      <c r="N34" s="47"/>
      <c r="O34" s="47"/>
      <c r="P34" s="47"/>
    </row>
    <row r="35" spans="1:62" s="39" customFormat="1" ht="22.5" customHeight="1" x14ac:dyDescent="0.25">
      <c r="A35" s="129"/>
      <c r="B35" s="129"/>
      <c r="C35" s="129"/>
      <c r="D35" s="129"/>
      <c r="E35" s="129"/>
      <c r="F35" s="129"/>
      <c r="G35" s="129"/>
      <c r="H35" s="48" t="s">
        <v>26</v>
      </c>
      <c r="I35" s="49" t="s">
        <v>27</v>
      </c>
      <c r="J35" s="92" t="s">
        <v>28</v>
      </c>
      <c r="K35" s="133"/>
      <c r="L35" s="96"/>
      <c r="M35" s="96"/>
      <c r="N35" s="47"/>
      <c r="O35" s="47"/>
      <c r="P35" s="47"/>
    </row>
    <row r="36" spans="1:62" s="111" customFormat="1" ht="14.1" customHeight="1" x14ac:dyDescent="0.25">
      <c r="A36" s="102" t="s">
        <v>0</v>
      </c>
      <c r="B36" s="103" t="s">
        <v>12</v>
      </c>
      <c r="C36" s="103" t="s">
        <v>13</v>
      </c>
      <c r="D36" s="103" t="s">
        <v>14</v>
      </c>
      <c r="E36" s="112" t="s">
        <v>15</v>
      </c>
      <c r="F36" s="104" t="s">
        <v>16</v>
      </c>
      <c r="G36" s="99" t="s">
        <v>17</v>
      </c>
      <c r="H36" s="105" t="s">
        <v>18</v>
      </c>
      <c r="I36" s="106" t="s">
        <v>19</v>
      </c>
      <c r="J36" s="107" t="s">
        <v>35</v>
      </c>
      <c r="K36" s="108" t="s">
        <v>36</v>
      </c>
      <c r="L36" s="117"/>
      <c r="M36" s="117"/>
      <c r="N36" s="109"/>
      <c r="O36" s="109"/>
      <c r="P36" s="109"/>
      <c r="Q36" s="110"/>
      <c r="R36" s="110"/>
      <c r="S36" s="110"/>
      <c r="T36" s="110"/>
      <c r="U36" s="110"/>
      <c r="V36" s="110"/>
      <c r="W36" s="110"/>
      <c r="X36" s="110"/>
      <c r="Y36" s="110"/>
      <c r="Z36" s="110"/>
      <c r="AA36" s="110"/>
      <c r="AB36" s="110"/>
      <c r="AC36" s="110"/>
      <c r="AD36" s="110"/>
      <c r="AE36" s="110"/>
      <c r="AF36" s="110"/>
      <c r="AG36" s="110"/>
      <c r="AH36" s="110"/>
      <c r="AI36" s="110"/>
      <c r="AJ36" s="110"/>
      <c r="AK36" s="110"/>
      <c r="AL36" s="110"/>
      <c r="AM36" s="110"/>
      <c r="AN36" s="110"/>
      <c r="AO36" s="110"/>
      <c r="AP36" s="110"/>
      <c r="AQ36" s="110"/>
      <c r="AR36" s="110"/>
      <c r="AS36" s="110"/>
      <c r="AT36" s="110"/>
      <c r="AU36" s="110"/>
      <c r="AV36" s="110"/>
      <c r="AW36" s="110"/>
      <c r="AX36" s="110"/>
      <c r="AY36" s="110"/>
      <c r="AZ36" s="110"/>
      <c r="BA36" s="110"/>
      <c r="BB36" s="110"/>
      <c r="BC36" s="110"/>
      <c r="BD36" s="110"/>
      <c r="BE36" s="110"/>
      <c r="BF36" s="110"/>
      <c r="BG36" s="110"/>
      <c r="BH36" s="110"/>
      <c r="BI36" s="110"/>
      <c r="BJ36" s="110"/>
    </row>
    <row r="37" spans="1:62" s="40" customFormat="1" ht="33" customHeight="1" x14ac:dyDescent="0.25">
      <c r="A37" s="86" t="s">
        <v>0</v>
      </c>
      <c r="B37" s="65"/>
      <c r="C37" s="66"/>
      <c r="D37" s="84"/>
      <c r="E37" s="84"/>
      <c r="F37" s="84"/>
      <c r="G37" s="84"/>
      <c r="H37" s="67"/>
      <c r="I37" s="68"/>
      <c r="J37" s="93"/>
      <c r="K37" s="135" t="s">
        <v>173</v>
      </c>
      <c r="L37" s="97"/>
      <c r="M37" s="97"/>
      <c r="N37" s="50"/>
      <c r="O37" s="50"/>
      <c r="P37" s="50"/>
    </row>
    <row r="38" spans="1:62" s="40" customFormat="1" ht="33" customHeight="1" x14ac:dyDescent="0.25">
      <c r="A38" s="85" t="s">
        <v>12</v>
      </c>
      <c r="B38" s="69"/>
      <c r="C38" s="70"/>
      <c r="D38" s="85"/>
      <c r="E38" s="85"/>
      <c r="F38" s="85"/>
      <c r="G38" s="86"/>
      <c r="H38" s="71"/>
      <c r="I38" s="72"/>
      <c r="J38" s="94"/>
      <c r="K38" s="136"/>
      <c r="L38" s="97"/>
      <c r="M38" s="97"/>
      <c r="N38" s="50"/>
      <c r="O38" s="50"/>
      <c r="P38" s="50"/>
    </row>
    <row r="39" spans="1:62" s="40" customFormat="1" ht="33" customHeight="1" x14ac:dyDescent="0.25">
      <c r="A39" s="87" t="s">
        <v>13</v>
      </c>
      <c r="B39" s="88"/>
      <c r="C39" s="89"/>
      <c r="D39" s="87"/>
      <c r="E39" s="87"/>
      <c r="F39" s="87"/>
      <c r="G39" s="87"/>
      <c r="H39" s="90"/>
      <c r="I39" s="91"/>
      <c r="J39" s="95"/>
      <c r="K39" s="137"/>
      <c r="L39" s="97"/>
      <c r="M39" s="97"/>
      <c r="N39" s="50"/>
      <c r="O39" s="50"/>
      <c r="P39" s="50"/>
    </row>
    <row r="40" spans="1:62" s="13" customFormat="1" ht="15.75" customHeight="1" x14ac:dyDescent="0.2">
      <c r="A40" s="23"/>
      <c r="B40" s="23"/>
      <c r="C40" s="10"/>
      <c r="D40" s="41"/>
      <c r="F40" s="14"/>
      <c r="G40" s="14"/>
      <c r="H40" s="14"/>
      <c r="I40" s="14"/>
      <c r="J40" s="26"/>
      <c r="K40" s="26"/>
      <c r="L40" s="26"/>
      <c r="M40" s="26"/>
    </row>
    <row r="41" spans="1:62" s="46" customFormat="1" ht="29.25" customHeight="1" x14ac:dyDescent="0.25">
      <c r="A41" s="139" t="s">
        <v>392</v>
      </c>
      <c r="B41" s="139"/>
      <c r="C41" s="139"/>
      <c r="D41" s="139"/>
      <c r="E41" s="139"/>
      <c r="F41" s="139"/>
      <c r="G41" s="139"/>
      <c r="H41" s="139"/>
      <c r="I41" s="139"/>
      <c r="J41" s="139"/>
      <c r="K41" s="139"/>
      <c r="L41" s="64"/>
      <c r="M41" s="64"/>
      <c r="N41" s="64"/>
      <c r="O41" s="64"/>
      <c r="P41" s="64"/>
    </row>
    <row r="42" spans="1:62" s="39" customFormat="1" ht="33" customHeight="1" x14ac:dyDescent="0.25">
      <c r="A42" s="128" t="s">
        <v>24</v>
      </c>
      <c r="B42" s="128" t="s">
        <v>39</v>
      </c>
      <c r="C42" s="128" t="s">
        <v>40</v>
      </c>
      <c r="D42" s="128" t="s">
        <v>30</v>
      </c>
      <c r="E42" s="128" t="s">
        <v>32</v>
      </c>
      <c r="F42" s="128" t="s">
        <v>41</v>
      </c>
      <c r="G42" s="128" t="s">
        <v>42</v>
      </c>
      <c r="H42" s="130" t="s">
        <v>45</v>
      </c>
      <c r="I42" s="131"/>
      <c r="J42" s="131"/>
      <c r="K42" s="132" t="s">
        <v>53</v>
      </c>
      <c r="L42" s="134"/>
      <c r="M42" s="134"/>
      <c r="N42" s="47"/>
      <c r="O42" s="47"/>
      <c r="P42" s="47"/>
    </row>
    <row r="43" spans="1:62" s="39" customFormat="1" ht="22.5" customHeight="1" x14ac:dyDescent="0.25">
      <c r="A43" s="129"/>
      <c r="B43" s="129"/>
      <c r="C43" s="129"/>
      <c r="D43" s="129"/>
      <c r="E43" s="129"/>
      <c r="F43" s="129"/>
      <c r="G43" s="129"/>
      <c r="H43" s="48" t="s">
        <v>26</v>
      </c>
      <c r="I43" s="49" t="s">
        <v>27</v>
      </c>
      <c r="J43" s="92" t="s">
        <v>28</v>
      </c>
      <c r="K43" s="133"/>
      <c r="L43" s="96"/>
      <c r="M43" s="96"/>
      <c r="N43" s="47"/>
      <c r="O43" s="47"/>
      <c r="P43" s="47"/>
    </row>
    <row r="44" spans="1:62" s="111" customFormat="1" ht="14.1" customHeight="1" x14ac:dyDescent="0.25">
      <c r="A44" s="102" t="s">
        <v>0</v>
      </c>
      <c r="B44" s="103" t="s">
        <v>12</v>
      </c>
      <c r="C44" s="103" t="s">
        <v>13</v>
      </c>
      <c r="D44" s="103" t="s">
        <v>14</v>
      </c>
      <c r="E44" s="112" t="s">
        <v>15</v>
      </c>
      <c r="F44" s="104" t="s">
        <v>16</v>
      </c>
      <c r="G44" s="99" t="s">
        <v>17</v>
      </c>
      <c r="H44" s="105" t="s">
        <v>18</v>
      </c>
      <c r="I44" s="106" t="s">
        <v>19</v>
      </c>
      <c r="J44" s="107" t="s">
        <v>35</v>
      </c>
      <c r="K44" s="108" t="s">
        <v>36</v>
      </c>
      <c r="L44" s="117"/>
      <c r="M44" s="117"/>
      <c r="N44" s="109"/>
      <c r="O44" s="109"/>
      <c r="P44" s="109"/>
      <c r="Q44" s="110"/>
      <c r="R44" s="110"/>
      <c r="S44" s="110"/>
      <c r="T44" s="110"/>
      <c r="U44" s="110"/>
      <c r="V44" s="110"/>
      <c r="W44" s="110"/>
      <c r="X44" s="110"/>
      <c r="Y44" s="110"/>
      <c r="Z44" s="110"/>
      <c r="AA44" s="110"/>
      <c r="AB44" s="110"/>
      <c r="AC44" s="110"/>
      <c r="AD44" s="110"/>
      <c r="AE44" s="110"/>
      <c r="AF44" s="110"/>
      <c r="AG44" s="110"/>
      <c r="AH44" s="110"/>
      <c r="AI44" s="110"/>
      <c r="AJ44" s="110"/>
      <c r="AK44" s="110"/>
      <c r="AL44" s="110"/>
      <c r="AM44" s="110"/>
      <c r="AN44" s="110"/>
      <c r="AO44" s="110"/>
      <c r="AP44" s="110"/>
      <c r="AQ44" s="110"/>
      <c r="AR44" s="110"/>
      <c r="AS44" s="110"/>
      <c r="AT44" s="110"/>
      <c r="AU44" s="110"/>
      <c r="AV44" s="110"/>
      <c r="AW44" s="110"/>
      <c r="AX44" s="110"/>
      <c r="AY44" s="110"/>
      <c r="AZ44" s="110"/>
      <c r="BA44" s="110"/>
      <c r="BB44" s="110"/>
      <c r="BC44" s="110"/>
      <c r="BD44" s="110"/>
      <c r="BE44" s="110"/>
      <c r="BF44" s="110"/>
      <c r="BG44" s="110"/>
      <c r="BH44" s="110"/>
      <c r="BI44" s="110"/>
      <c r="BJ44" s="110"/>
    </row>
    <row r="45" spans="1:62" s="40" customFormat="1" ht="33" customHeight="1" x14ac:dyDescent="0.25">
      <c r="A45" s="86" t="s">
        <v>0</v>
      </c>
      <c r="B45" s="65"/>
      <c r="C45" s="66"/>
      <c r="D45" s="84"/>
      <c r="E45" s="84"/>
      <c r="F45" s="84"/>
      <c r="G45" s="84"/>
      <c r="H45" s="67"/>
      <c r="I45" s="68"/>
      <c r="J45" s="93"/>
      <c r="K45" s="135" t="s">
        <v>173</v>
      </c>
      <c r="L45" s="97"/>
      <c r="M45" s="97"/>
      <c r="N45" s="50"/>
      <c r="O45" s="50"/>
      <c r="P45" s="50"/>
    </row>
    <row r="46" spans="1:62" s="40" customFormat="1" ht="33" customHeight="1" x14ac:dyDescent="0.25">
      <c r="A46" s="85" t="s">
        <v>12</v>
      </c>
      <c r="B46" s="69"/>
      <c r="C46" s="70"/>
      <c r="D46" s="85"/>
      <c r="E46" s="85"/>
      <c r="F46" s="85"/>
      <c r="G46" s="86"/>
      <c r="H46" s="71"/>
      <c r="I46" s="72"/>
      <c r="J46" s="94"/>
      <c r="K46" s="136"/>
      <c r="L46" s="97"/>
      <c r="M46" s="97"/>
      <c r="N46" s="50"/>
      <c r="O46" s="50"/>
      <c r="P46" s="50"/>
    </row>
    <row r="47" spans="1:62" s="40" customFormat="1" ht="33" customHeight="1" x14ac:dyDescent="0.25">
      <c r="A47" s="87" t="s">
        <v>13</v>
      </c>
      <c r="B47" s="88"/>
      <c r="C47" s="89"/>
      <c r="D47" s="87"/>
      <c r="E47" s="87"/>
      <c r="F47" s="87"/>
      <c r="G47" s="87"/>
      <c r="H47" s="90"/>
      <c r="I47" s="91"/>
      <c r="J47" s="95"/>
      <c r="K47" s="137"/>
      <c r="L47" s="97"/>
      <c r="M47" s="97"/>
      <c r="N47" s="50"/>
      <c r="O47" s="50"/>
      <c r="P47" s="50"/>
    </row>
    <row r="48" spans="1:62" s="45" customFormat="1" ht="33" customHeight="1" x14ac:dyDescent="0.25">
      <c r="A48" s="60"/>
      <c r="B48" s="61"/>
      <c r="C48" s="61"/>
      <c r="D48" s="61"/>
      <c r="E48" s="62"/>
      <c r="F48" s="62"/>
      <c r="G48" s="62"/>
      <c r="H48" s="62"/>
      <c r="I48" s="61"/>
      <c r="J48" s="61"/>
      <c r="K48" s="61"/>
      <c r="L48" s="127"/>
      <c r="M48" s="127"/>
      <c r="O48" s="63"/>
      <c r="P48" s="63"/>
    </row>
    <row r="49" spans="1:62" s="46" customFormat="1" ht="29.25" customHeight="1" x14ac:dyDescent="0.25">
      <c r="A49" s="139" t="s">
        <v>393</v>
      </c>
      <c r="B49" s="139"/>
      <c r="C49" s="139"/>
      <c r="D49" s="139"/>
      <c r="E49" s="139"/>
      <c r="F49" s="139"/>
      <c r="G49" s="139"/>
      <c r="H49" s="139"/>
      <c r="I49" s="139"/>
      <c r="J49" s="139"/>
      <c r="K49" s="139"/>
      <c r="L49" s="64"/>
      <c r="M49" s="64"/>
      <c r="N49" s="64"/>
      <c r="O49" s="64"/>
      <c r="P49" s="64"/>
    </row>
    <row r="50" spans="1:62" s="39" customFormat="1" ht="33" customHeight="1" x14ac:dyDescent="0.25">
      <c r="A50" s="128" t="s">
        <v>24</v>
      </c>
      <c r="B50" s="128" t="s">
        <v>39</v>
      </c>
      <c r="C50" s="128" t="s">
        <v>40</v>
      </c>
      <c r="D50" s="128" t="s">
        <v>30</v>
      </c>
      <c r="E50" s="128" t="s">
        <v>32</v>
      </c>
      <c r="F50" s="128" t="s">
        <v>41</v>
      </c>
      <c r="G50" s="128" t="s">
        <v>42</v>
      </c>
      <c r="H50" s="130" t="s">
        <v>45</v>
      </c>
      <c r="I50" s="131"/>
      <c r="J50" s="131"/>
      <c r="K50" s="132" t="s">
        <v>53</v>
      </c>
      <c r="L50" s="134"/>
      <c r="M50" s="134"/>
      <c r="N50" s="47"/>
      <c r="O50" s="47"/>
      <c r="P50" s="47"/>
    </row>
    <row r="51" spans="1:62" s="39" customFormat="1" ht="22.5" customHeight="1" x14ac:dyDescent="0.25">
      <c r="A51" s="129"/>
      <c r="B51" s="129"/>
      <c r="C51" s="129"/>
      <c r="D51" s="129"/>
      <c r="E51" s="129"/>
      <c r="F51" s="129"/>
      <c r="G51" s="129"/>
      <c r="H51" s="48" t="s">
        <v>26</v>
      </c>
      <c r="I51" s="49" t="s">
        <v>27</v>
      </c>
      <c r="J51" s="92" t="s">
        <v>28</v>
      </c>
      <c r="K51" s="133"/>
      <c r="L51" s="96"/>
      <c r="M51" s="96"/>
      <c r="N51" s="47"/>
      <c r="O51" s="47"/>
      <c r="P51" s="47"/>
    </row>
    <row r="52" spans="1:62" s="111" customFormat="1" ht="14.1" customHeight="1" x14ac:dyDescent="0.25">
      <c r="A52" s="102" t="s">
        <v>0</v>
      </c>
      <c r="B52" s="103" t="s">
        <v>12</v>
      </c>
      <c r="C52" s="103" t="s">
        <v>13</v>
      </c>
      <c r="D52" s="103" t="s">
        <v>14</v>
      </c>
      <c r="E52" s="112" t="s">
        <v>15</v>
      </c>
      <c r="F52" s="104" t="s">
        <v>16</v>
      </c>
      <c r="G52" s="99" t="s">
        <v>17</v>
      </c>
      <c r="H52" s="105" t="s">
        <v>18</v>
      </c>
      <c r="I52" s="106" t="s">
        <v>19</v>
      </c>
      <c r="J52" s="107" t="s">
        <v>35</v>
      </c>
      <c r="K52" s="108" t="s">
        <v>36</v>
      </c>
      <c r="L52" s="117"/>
      <c r="M52" s="117"/>
      <c r="N52" s="109"/>
      <c r="O52" s="109"/>
      <c r="P52" s="109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0"/>
      <c r="AN52" s="110"/>
      <c r="AO52" s="110"/>
      <c r="AP52" s="110"/>
      <c r="AQ52" s="110"/>
      <c r="AR52" s="110"/>
      <c r="AS52" s="110"/>
      <c r="AT52" s="110"/>
      <c r="AU52" s="110"/>
      <c r="AV52" s="110"/>
      <c r="AW52" s="110"/>
      <c r="AX52" s="110"/>
      <c r="AY52" s="110"/>
      <c r="AZ52" s="110"/>
      <c r="BA52" s="110"/>
      <c r="BB52" s="110"/>
      <c r="BC52" s="110"/>
      <c r="BD52" s="110"/>
      <c r="BE52" s="110"/>
      <c r="BF52" s="110"/>
      <c r="BG52" s="110"/>
      <c r="BH52" s="110"/>
      <c r="BI52" s="110"/>
      <c r="BJ52" s="110"/>
    </row>
    <row r="53" spans="1:62" s="40" customFormat="1" ht="33" customHeight="1" x14ac:dyDescent="0.25">
      <c r="A53" s="86" t="s">
        <v>0</v>
      </c>
      <c r="B53" s="65"/>
      <c r="C53" s="66"/>
      <c r="D53" s="84"/>
      <c r="E53" s="84"/>
      <c r="F53" s="84"/>
      <c r="G53" s="84"/>
      <c r="H53" s="67"/>
      <c r="I53" s="68"/>
      <c r="J53" s="93"/>
      <c r="K53" s="135" t="s">
        <v>80</v>
      </c>
      <c r="L53" s="97"/>
      <c r="M53" s="97"/>
      <c r="N53" s="50"/>
      <c r="O53" s="50"/>
      <c r="P53" s="50"/>
    </row>
    <row r="54" spans="1:62" s="40" customFormat="1" ht="33" customHeight="1" x14ac:dyDescent="0.25">
      <c r="A54" s="85" t="s">
        <v>12</v>
      </c>
      <c r="B54" s="69"/>
      <c r="C54" s="70"/>
      <c r="D54" s="85"/>
      <c r="E54" s="85"/>
      <c r="F54" s="85"/>
      <c r="G54" s="86"/>
      <c r="H54" s="71"/>
      <c r="I54" s="72"/>
      <c r="J54" s="94"/>
      <c r="K54" s="136"/>
      <c r="L54" s="97"/>
      <c r="M54" s="97"/>
      <c r="N54" s="50"/>
      <c r="O54" s="50"/>
      <c r="P54" s="50"/>
    </row>
    <row r="55" spans="1:62" s="40" customFormat="1" ht="33" customHeight="1" x14ac:dyDescent="0.25">
      <c r="A55" s="87" t="s">
        <v>13</v>
      </c>
      <c r="B55" s="88"/>
      <c r="C55" s="89"/>
      <c r="D55" s="87"/>
      <c r="E55" s="87"/>
      <c r="F55" s="87"/>
      <c r="G55" s="87"/>
      <c r="H55" s="90"/>
      <c r="I55" s="91"/>
      <c r="J55" s="95"/>
      <c r="K55" s="137"/>
      <c r="L55" s="97"/>
      <c r="M55" s="97"/>
      <c r="N55" s="50"/>
      <c r="O55" s="50"/>
      <c r="P55" s="50"/>
    </row>
    <row r="56" spans="1:62" s="45" customFormat="1" ht="33" customHeight="1" x14ac:dyDescent="0.25">
      <c r="A56" s="60"/>
      <c r="B56" s="61"/>
      <c r="C56" s="61"/>
      <c r="D56" s="61"/>
      <c r="E56" s="62"/>
      <c r="F56" s="62"/>
      <c r="G56" s="62"/>
      <c r="H56" s="62"/>
      <c r="I56" s="61"/>
      <c r="J56" s="61"/>
      <c r="K56" s="61"/>
      <c r="L56" s="127"/>
      <c r="M56" s="127"/>
      <c r="O56" s="63"/>
      <c r="P56" s="63"/>
    </row>
    <row r="57" spans="1:62" s="46" customFormat="1" ht="29.25" customHeight="1" x14ac:dyDescent="0.25">
      <c r="A57" s="139" t="s">
        <v>394</v>
      </c>
      <c r="B57" s="139"/>
      <c r="C57" s="139"/>
      <c r="D57" s="139"/>
      <c r="E57" s="139"/>
      <c r="F57" s="139"/>
      <c r="G57" s="139"/>
      <c r="H57" s="139"/>
      <c r="I57" s="139"/>
      <c r="J57" s="139"/>
      <c r="K57" s="139"/>
      <c r="L57" s="64"/>
      <c r="M57" s="64"/>
      <c r="N57" s="64"/>
      <c r="O57" s="64"/>
      <c r="P57" s="64"/>
    </row>
    <row r="58" spans="1:62" s="39" customFormat="1" ht="33" customHeight="1" x14ac:dyDescent="0.25">
      <c r="A58" s="128" t="s">
        <v>24</v>
      </c>
      <c r="B58" s="128" t="s">
        <v>39</v>
      </c>
      <c r="C58" s="128" t="s">
        <v>40</v>
      </c>
      <c r="D58" s="128" t="s">
        <v>30</v>
      </c>
      <c r="E58" s="128" t="s">
        <v>32</v>
      </c>
      <c r="F58" s="128" t="s">
        <v>41</v>
      </c>
      <c r="G58" s="128" t="s">
        <v>42</v>
      </c>
      <c r="H58" s="130" t="s">
        <v>45</v>
      </c>
      <c r="I58" s="131"/>
      <c r="J58" s="131"/>
      <c r="K58" s="132" t="s">
        <v>53</v>
      </c>
      <c r="L58" s="134"/>
      <c r="M58" s="134"/>
      <c r="N58" s="47"/>
      <c r="O58" s="47"/>
      <c r="P58" s="47"/>
    </row>
    <row r="59" spans="1:62" s="39" customFormat="1" ht="22.5" customHeight="1" x14ac:dyDescent="0.25">
      <c r="A59" s="129"/>
      <c r="B59" s="129"/>
      <c r="C59" s="129"/>
      <c r="D59" s="129"/>
      <c r="E59" s="129"/>
      <c r="F59" s="129"/>
      <c r="G59" s="129"/>
      <c r="H59" s="48" t="s">
        <v>26</v>
      </c>
      <c r="I59" s="49" t="s">
        <v>27</v>
      </c>
      <c r="J59" s="92" t="s">
        <v>28</v>
      </c>
      <c r="K59" s="133"/>
      <c r="L59" s="96"/>
      <c r="M59" s="96"/>
      <c r="N59" s="47"/>
      <c r="O59" s="47"/>
      <c r="P59" s="47"/>
    </row>
    <row r="60" spans="1:62" s="111" customFormat="1" ht="14.1" customHeight="1" x14ac:dyDescent="0.25">
      <c r="A60" s="102" t="s">
        <v>0</v>
      </c>
      <c r="B60" s="103" t="s">
        <v>12</v>
      </c>
      <c r="C60" s="103" t="s">
        <v>13</v>
      </c>
      <c r="D60" s="103" t="s">
        <v>14</v>
      </c>
      <c r="E60" s="112" t="s">
        <v>15</v>
      </c>
      <c r="F60" s="104" t="s">
        <v>16</v>
      </c>
      <c r="G60" s="99" t="s">
        <v>17</v>
      </c>
      <c r="H60" s="105" t="s">
        <v>18</v>
      </c>
      <c r="I60" s="106" t="s">
        <v>19</v>
      </c>
      <c r="J60" s="107" t="s">
        <v>35</v>
      </c>
      <c r="K60" s="108" t="s">
        <v>36</v>
      </c>
      <c r="L60" s="117"/>
      <c r="M60" s="117"/>
      <c r="N60" s="109"/>
      <c r="O60" s="109"/>
      <c r="P60" s="109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0"/>
      <c r="AN60" s="110"/>
      <c r="AO60" s="110"/>
      <c r="AP60" s="110"/>
      <c r="AQ60" s="110"/>
      <c r="AR60" s="110"/>
      <c r="AS60" s="110"/>
      <c r="AT60" s="110"/>
      <c r="AU60" s="110"/>
      <c r="AV60" s="110"/>
      <c r="AW60" s="110"/>
      <c r="AX60" s="110"/>
      <c r="AY60" s="110"/>
      <c r="AZ60" s="110"/>
      <c r="BA60" s="110"/>
      <c r="BB60" s="110"/>
      <c r="BC60" s="110"/>
      <c r="BD60" s="110"/>
      <c r="BE60" s="110"/>
      <c r="BF60" s="110"/>
      <c r="BG60" s="110"/>
      <c r="BH60" s="110"/>
      <c r="BI60" s="110"/>
      <c r="BJ60" s="110"/>
    </row>
    <row r="61" spans="1:62" s="40" customFormat="1" ht="33" customHeight="1" x14ac:dyDescent="0.25">
      <c r="A61" s="86" t="s">
        <v>0</v>
      </c>
      <c r="B61" s="65"/>
      <c r="C61" s="66"/>
      <c r="D61" s="84"/>
      <c r="E61" s="84"/>
      <c r="F61" s="84"/>
      <c r="G61" s="84"/>
      <c r="H61" s="67"/>
      <c r="I61" s="68"/>
      <c r="J61" s="93"/>
      <c r="K61" s="135" t="s">
        <v>80</v>
      </c>
      <c r="L61" s="97"/>
      <c r="M61" s="97"/>
      <c r="N61" s="50"/>
      <c r="O61" s="50"/>
      <c r="P61" s="50"/>
    </row>
    <row r="62" spans="1:62" s="40" customFormat="1" ht="33" customHeight="1" x14ac:dyDescent="0.25">
      <c r="A62" s="85" t="s">
        <v>12</v>
      </c>
      <c r="B62" s="69"/>
      <c r="C62" s="70"/>
      <c r="D62" s="85"/>
      <c r="E62" s="85"/>
      <c r="F62" s="85"/>
      <c r="G62" s="86"/>
      <c r="H62" s="71"/>
      <c r="I62" s="72"/>
      <c r="J62" s="94"/>
      <c r="K62" s="136"/>
      <c r="L62" s="97"/>
      <c r="M62" s="97"/>
      <c r="N62" s="50"/>
      <c r="O62" s="50"/>
      <c r="P62" s="50"/>
    </row>
    <row r="63" spans="1:62" s="40" customFormat="1" ht="33" customHeight="1" x14ac:dyDescent="0.25">
      <c r="A63" s="87" t="s">
        <v>13</v>
      </c>
      <c r="B63" s="88"/>
      <c r="C63" s="89"/>
      <c r="D63" s="87"/>
      <c r="E63" s="87"/>
      <c r="F63" s="87"/>
      <c r="G63" s="87"/>
      <c r="H63" s="90"/>
      <c r="I63" s="91"/>
      <c r="J63" s="95"/>
      <c r="K63" s="137"/>
      <c r="L63" s="97"/>
      <c r="M63" s="97"/>
      <c r="N63" s="50"/>
      <c r="O63" s="50"/>
      <c r="P63" s="50"/>
    </row>
    <row r="64" spans="1:62" s="45" customFormat="1" ht="33" customHeight="1" x14ac:dyDescent="0.25">
      <c r="A64" s="60"/>
      <c r="B64" s="61"/>
      <c r="C64" s="61"/>
      <c r="D64" s="61"/>
      <c r="E64" s="62"/>
      <c r="F64" s="62"/>
      <c r="G64" s="62"/>
      <c r="H64" s="62"/>
      <c r="I64" s="61"/>
      <c r="J64" s="61"/>
      <c r="K64" s="61"/>
      <c r="L64" s="127"/>
      <c r="M64" s="127"/>
      <c r="O64" s="63"/>
      <c r="P64" s="63"/>
    </row>
    <row r="65" spans="1:62" s="46" customFormat="1" ht="29.25" customHeight="1" x14ac:dyDescent="0.25">
      <c r="A65" s="139" t="s">
        <v>395</v>
      </c>
      <c r="B65" s="139"/>
      <c r="C65" s="139"/>
      <c r="D65" s="139"/>
      <c r="E65" s="139"/>
      <c r="F65" s="139"/>
      <c r="G65" s="139"/>
      <c r="H65" s="139"/>
      <c r="I65" s="139"/>
      <c r="J65" s="139"/>
      <c r="K65" s="139"/>
      <c r="L65" s="64"/>
      <c r="M65" s="64"/>
      <c r="N65" s="64"/>
      <c r="O65" s="64"/>
      <c r="P65" s="64"/>
    </row>
    <row r="66" spans="1:62" s="39" customFormat="1" ht="33" customHeight="1" x14ac:dyDescent="0.25">
      <c r="A66" s="128" t="s">
        <v>24</v>
      </c>
      <c r="B66" s="128" t="s">
        <v>39</v>
      </c>
      <c r="C66" s="128" t="s">
        <v>40</v>
      </c>
      <c r="D66" s="128" t="s">
        <v>30</v>
      </c>
      <c r="E66" s="128" t="s">
        <v>32</v>
      </c>
      <c r="F66" s="128" t="s">
        <v>41</v>
      </c>
      <c r="G66" s="128" t="s">
        <v>42</v>
      </c>
      <c r="H66" s="130" t="s">
        <v>45</v>
      </c>
      <c r="I66" s="131"/>
      <c r="J66" s="131"/>
      <c r="K66" s="132" t="s">
        <v>53</v>
      </c>
      <c r="L66" s="134"/>
      <c r="M66" s="134"/>
      <c r="N66" s="47"/>
      <c r="O66" s="47"/>
      <c r="P66" s="47"/>
    </row>
    <row r="67" spans="1:62" s="39" customFormat="1" ht="22.5" customHeight="1" x14ac:dyDescent="0.25">
      <c r="A67" s="129"/>
      <c r="B67" s="129"/>
      <c r="C67" s="129"/>
      <c r="D67" s="129"/>
      <c r="E67" s="129"/>
      <c r="F67" s="129"/>
      <c r="G67" s="129"/>
      <c r="H67" s="48" t="s">
        <v>26</v>
      </c>
      <c r="I67" s="49" t="s">
        <v>27</v>
      </c>
      <c r="J67" s="92" t="s">
        <v>28</v>
      </c>
      <c r="K67" s="133"/>
      <c r="L67" s="96"/>
      <c r="M67" s="96"/>
      <c r="N67" s="47"/>
      <c r="O67" s="47"/>
      <c r="P67" s="47"/>
    </row>
    <row r="68" spans="1:62" s="111" customFormat="1" ht="14.1" customHeight="1" x14ac:dyDescent="0.25">
      <c r="A68" s="102" t="s">
        <v>0</v>
      </c>
      <c r="B68" s="103" t="s">
        <v>12</v>
      </c>
      <c r="C68" s="103" t="s">
        <v>13</v>
      </c>
      <c r="D68" s="103" t="s">
        <v>14</v>
      </c>
      <c r="E68" s="112" t="s">
        <v>15</v>
      </c>
      <c r="F68" s="104" t="s">
        <v>16</v>
      </c>
      <c r="G68" s="99" t="s">
        <v>17</v>
      </c>
      <c r="H68" s="105" t="s">
        <v>18</v>
      </c>
      <c r="I68" s="106" t="s">
        <v>19</v>
      </c>
      <c r="J68" s="107" t="s">
        <v>35</v>
      </c>
      <c r="K68" s="108" t="s">
        <v>36</v>
      </c>
      <c r="L68" s="117"/>
      <c r="M68" s="117"/>
      <c r="N68" s="109"/>
      <c r="O68" s="109"/>
      <c r="P68" s="109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0"/>
      <c r="AP68" s="110"/>
      <c r="AQ68" s="110"/>
      <c r="AR68" s="110"/>
      <c r="AS68" s="110"/>
      <c r="AT68" s="110"/>
      <c r="AU68" s="110"/>
      <c r="AV68" s="110"/>
      <c r="AW68" s="110"/>
      <c r="AX68" s="110"/>
      <c r="AY68" s="110"/>
      <c r="AZ68" s="110"/>
      <c r="BA68" s="110"/>
      <c r="BB68" s="110"/>
      <c r="BC68" s="110"/>
      <c r="BD68" s="110"/>
      <c r="BE68" s="110"/>
      <c r="BF68" s="110"/>
      <c r="BG68" s="110"/>
      <c r="BH68" s="110"/>
      <c r="BI68" s="110"/>
      <c r="BJ68" s="110"/>
    </row>
    <row r="69" spans="1:62" s="40" customFormat="1" ht="33" customHeight="1" x14ac:dyDescent="0.25">
      <c r="A69" s="86" t="s">
        <v>0</v>
      </c>
      <c r="B69" s="65"/>
      <c r="C69" s="66"/>
      <c r="D69" s="84"/>
      <c r="E69" s="84"/>
      <c r="F69" s="84"/>
      <c r="G69" s="84"/>
      <c r="H69" s="67"/>
      <c r="I69" s="68"/>
      <c r="J69" s="93"/>
      <c r="K69" s="135" t="s">
        <v>353</v>
      </c>
      <c r="L69" s="97"/>
      <c r="M69" s="97"/>
      <c r="N69" s="50"/>
      <c r="O69" s="50"/>
      <c r="P69" s="50"/>
    </row>
    <row r="70" spans="1:62" s="40" customFormat="1" ht="33" customHeight="1" x14ac:dyDescent="0.25">
      <c r="A70" s="85" t="s">
        <v>12</v>
      </c>
      <c r="B70" s="69"/>
      <c r="C70" s="70"/>
      <c r="D70" s="85"/>
      <c r="E70" s="85"/>
      <c r="F70" s="85"/>
      <c r="G70" s="86"/>
      <c r="H70" s="71"/>
      <c r="I70" s="72"/>
      <c r="J70" s="94"/>
      <c r="K70" s="136"/>
      <c r="L70" s="97"/>
      <c r="M70" s="97"/>
      <c r="N70" s="50"/>
      <c r="O70" s="50"/>
      <c r="P70" s="50"/>
    </row>
    <row r="71" spans="1:62" s="40" customFormat="1" ht="33" customHeight="1" x14ac:dyDescent="0.25">
      <c r="A71" s="87" t="s">
        <v>13</v>
      </c>
      <c r="B71" s="88"/>
      <c r="C71" s="89"/>
      <c r="D71" s="87"/>
      <c r="E71" s="87"/>
      <c r="F71" s="87"/>
      <c r="G71" s="87"/>
      <c r="H71" s="90"/>
      <c r="I71" s="91"/>
      <c r="J71" s="95"/>
      <c r="K71" s="137"/>
      <c r="L71" s="97"/>
      <c r="M71" s="97"/>
      <c r="N71" s="50"/>
      <c r="O71" s="50"/>
      <c r="P71" s="50"/>
    </row>
    <row r="72" spans="1:62" s="13" customFormat="1" ht="15.75" customHeight="1" x14ac:dyDescent="0.2">
      <c r="A72" s="23"/>
      <c r="B72" s="23"/>
      <c r="C72" s="10"/>
      <c r="D72" s="41"/>
      <c r="F72" s="14"/>
      <c r="G72" s="14"/>
      <c r="H72" s="14"/>
      <c r="I72" s="14"/>
      <c r="J72" s="26"/>
      <c r="K72" s="26"/>
      <c r="L72" s="26"/>
      <c r="M72" s="26"/>
    </row>
    <row r="73" spans="1:62" s="18" customFormat="1" ht="20.100000000000001" customHeight="1" x14ac:dyDescent="0.2">
      <c r="A73" s="42" t="s">
        <v>3</v>
      </c>
      <c r="B73" s="42"/>
      <c r="C73" s="141"/>
      <c r="D73" s="141"/>
      <c r="E73" s="25"/>
      <c r="F73" s="17"/>
      <c r="G73" s="17"/>
      <c r="H73" s="17"/>
      <c r="I73" s="17"/>
      <c r="J73" s="17"/>
      <c r="K73" s="26"/>
      <c r="L73" s="26"/>
    </row>
    <row r="74" spans="1:62" s="18" customFormat="1" ht="20.100000000000001" customHeight="1" x14ac:dyDescent="0.2">
      <c r="A74" s="42" t="s">
        <v>4</v>
      </c>
      <c r="B74" s="42"/>
      <c r="C74" s="140"/>
      <c r="D74" s="140"/>
      <c r="E74" s="20"/>
      <c r="F74" s="17"/>
      <c r="G74" s="17"/>
      <c r="H74" s="17"/>
      <c r="I74" s="17"/>
      <c r="J74" s="17"/>
      <c r="K74" s="21"/>
      <c r="L74" s="22"/>
    </row>
    <row r="75" spans="1:62" s="18" customFormat="1" ht="20.100000000000001" customHeight="1" x14ac:dyDescent="0.2">
      <c r="A75" s="42" t="s">
        <v>5</v>
      </c>
      <c r="B75" s="42"/>
      <c r="C75" s="140"/>
      <c r="D75" s="140"/>
      <c r="E75" s="20"/>
      <c r="F75" s="17"/>
      <c r="G75" s="17"/>
      <c r="H75" s="17"/>
      <c r="I75" s="17"/>
      <c r="J75" s="17"/>
      <c r="K75" s="21"/>
      <c r="L75" s="22"/>
    </row>
    <row r="76" spans="1:62" s="18" customFormat="1" ht="20.100000000000001" customHeight="1" x14ac:dyDescent="0.25">
      <c r="A76" s="42"/>
      <c r="B76" s="42"/>
      <c r="C76" s="42"/>
      <c r="D76" s="19"/>
      <c r="E76" s="20"/>
      <c r="F76" s="17"/>
      <c r="G76" s="17"/>
      <c r="H76" s="17"/>
      <c r="I76" s="17"/>
      <c r="J76" s="17"/>
      <c r="K76" s="21"/>
      <c r="L76" s="22"/>
    </row>
    <row r="77" spans="1:62" s="18" customFormat="1" ht="20.100000000000001" customHeight="1" x14ac:dyDescent="0.2">
      <c r="A77" s="42" t="s">
        <v>6</v>
      </c>
      <c r="B77" s="42"/>
      <c r="C77" s="141"/>
      <c r="D77" s="141"/>
      <c r="E77" s="20"/>
      <c r="F77" s="17"/>
      <c r="G77" s="17"/>
      <c r="H77" s="17"/>
      <c r="I77" s="17"/>
      <c r="J77" s="17"/>
      <c r="K77" s="21"/>
      <c r="L77" s="22"/>
    </row>
    <row r="78" spans="1:62" s="18" customFormat="1" ht="20.100000000000001" customHeight="1" x14ac:dyDescent="0.2">
      <c r="A78" s="42" t="s">
        <v>7</v>
      </c>
      <c r="B78" s="42"/>
      <c r="C78" s="140"/>
      <c r="D78" s="140"/>
      <c r="E78" s="20"/>
      <c r="F78" s="17"/>
      <c r="G78" s="27" t="s">
        <v>20</v>
      </c>
      <c r="H78" s="151"/>
      <c r="I78" s="151"/>
      <c r="J78" s="17"/>
      <c r="K78" s="21"/>
      <c r="L78" s="22"/>
    </row>
    <row r="79" spans="1:62" s="18" customFormat="1" ht="20.100000000000001" customHeight="1" x14ac:dyDescent="0.2">
      <c r="A79" s="42" t="s">
        <v>8</v>
      </c>
      <c r="B79" s="42"/>
      <c r="C79" s="140"/>
      <c r="D79" s="140"/>
      <c r="E79" s="20"/>
      <c r="F79" s="17"/>
      <c r="G79" s="28"/>
      <c r="H79" s="29"/>
      <c r="I79" s="29"/>
    </row>
    <row r="80" spans="1:62" s="18" customFormat="1" ht="20.100000000000001" customHeight="1" x14ac:dyDescent="0.25">
      <c r="A80" s="19"/>
      <c r="B80" s="19"/>
      <c r="C80" s="19"/>
      <c r="D80" s="20"/>
      <c r="E80" s="20"/>
      <c r="F80" s="17"/>
      <c r="G80" s="30" t="s">
        <v>21</v>
      </c>
      <c r="H80" s="152"/>
      <c r="I80" s="152"/>
    </row>
    <row r="81" spans="1:13" s="18" customFormat="1" ht="20.100000000000001" customHeight="1" x14ac:dyDescent="0.25">
      <c r="A81" s="19"/>
      <c r="B81" s="19"/>
      <c r="C81" s="19"/>
      <c r="D81" s="20"/>
      <c r="E81" s="20"/>
      <c r="F81" s="17"/>
      <c r="G81" s="30" t="s">
        <v>22</v>
      </c>
      <c r="H81" s="150"/>
      <c r="I81" s="150"/>
    </row>
    <row r="82" spans="1:13" s="13" customFormat="1" ht="20.100000000000001" customHeight="1" x14ac:dyDescent="0.2">
      <c r="A82" s="10" t="s">
        <v>2</v>
      </c>
      <c r="B82" s="140"/>
      <c r="C82" s="140"/>
      <c r="D82" s="11"/>
      <c r="E82" s="11"/>
      <c r="F82" s="14"/>
      <c r="G82" s="31" t="s">
        <v>23</v>
      </c>
      <c r="H82" s="28"/>
      <c r="I82" s="32"/>
      <c r="M82" s="10"/>
    </row>
    <row r="83" spans="1:13" s="13" customFormat="1" ht="20.100000000000001" customHeight="1" x14ac:dyDescent="0.2">
      <c r="A83" s="10" t="s">
        <v>1</v>
      </c>
      <c r="B83" s="149"/>
      <c r="C83" s="149"/>
      <c r="D83" s="11"/>
      <c r="E83" s="11"/>
      <c r="F83" s="14"/>
      <c r="G83" s="14"/>
      <c r="H83" s="14"/>
      <c r="I83" s="14"/>
      <c r="M83" s="10"/>
    </row>
    <row r="84" spans="1:13" s="13" customFormat="1" x14ac:dyDescent="0.2">
      <c r="A84" s="10"/>
      <c r="B84" s="10"/>
      <c r="C84" s="10"/>
      <c r="D84" s="11"/>
      <c r="E84" s="11"/>
      <c r="F84" s="14"/>
      <c r="G84" s="14"/>
      <c r="H84" s="14"/>
      <c r="I84" s="14"/>
      <c r="J84" s="14"/>
      <c r="K84" s="12"/>
      <c r="L84" s="10"/>
      <c r="M84" s="10"/>
    </row>
    <row r="85" spans="1:13" s="13" customFormat="1" ht="15" customHeight="1" x14ac:dyDescent="0.2">
      <c r="A85" s="10"/>
      <c r="B85" s="10"/>
      <c r="D85" s="11"/>
      <c r="E85" s="11"/>
      <c r="F85" s="14"/>
      <c r="G85" s="14"/>
      <c r="H85" s="14"/>
      <c r="I85" s="14"/>
      <c r="J85" s="14"/>
      <c r="K85" s="12"/>
      <c r="L85" s="10"/>
      <c r="M85" s="10"/>
    </row>
    <row r="86" spans="1:13" s="2" customFormat="1" x14ac:dyDescent="0.2">
      <c r="A86" s="148" t="s">
        <v>10</v>
      </c>
      <c r="B86" s="148"/>
      <c r="D86" s="3"/>
      <c r="E86" s="3"/>
      <c r="F86" s="4"/>
      <c r="G86" s="4"/>
      <c r="H86" s="4"/>
      <c r="I86" s="4"/>
      <c r="J86" s="4"/>
      <c r="K86" s="15"/>
    </row>
    <row r="87" spans="1:13" ht="14.25" x14ac:dyDescent="0.2">
      <c r="A87" s="33"/>
      <c r="B87" s="34" t="s">
        <v>11</v>
      </c>
    </row>
    <row r="88" spans="1:13" ht="6.75" customHeight="1" x14ac:dyDescent="0.2">
      <c r="A88" s="35"/>
      <c r="B88" s="36"/>
    </row>
  </sheetData>
  <mergeCells count="10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7:K17"/>
    <mergeCell ref="A18:A19"/>
    <mergeCell ref="B18:B19"/>
    <mergeCell ref="C18:C19"/>
    <mergeCell ref="D18:D19"/>
    <mergeCell ref="E18:E19"/>
    <mergeCell ref="F18:F19"/>
    <mergeCell ref="G18:G19"/>
    <mergeCell ref="F26:F27"/>
    <mergeCell ref="G26:G27"/>
    <mergeCell ref="H26:J26"/>
    <mergeCell ref="K26:K27"/>
    <mergeCell ref="L26:M26"/>
    <mergeCell ref="K29:K31"/>
    <mergeCell ref="H18:J18"/>
    <mergeCell ref="K18:K19"/>
    <mergeCell ref="L18:M18"/>
    <mergeCell ref="K21:K23"/>
    <mergeCell ref="A25:K25"/>
    <mergeCell ref="A26:A27"/>
    <mergeCell ref="B26:B27"/>
    <mergeCell ref="C26:C27"/>
    <mergeCell ref="D26:D27"/>
    <mergeCell ref="E26:E27"/>
    <mergeCell ref="A33:K33"/>
    <mergeCell ref="A34:A35"/>
    <mergeCell ref="B34:B35"/>
    <mergeCell ref="C34:C35"/>
    <mergeCell ref="D34:D35"/>
    <mergeCell ref="E34:E35"/>
    <mergeCell ref="F34:F35"/>
    <mergeCell ref="G34:G35"/>
    <mergeCell ref="H34:J34"/>
    <mergeCell ref="K34:K35"/>
    <mergeCell ref="L34:M34"/>
    <mergeCell ref="K37:K39"/>
    <mergeCell ref="A41:K41"/>
    <mergeCell ref="A42:A43"/>
    <mergeCell ref="B42:B43"/>
    <mergeCell ref="C42:C43"/>
    <mergeCell ref="D42:D43"/>
    <mergeCell ref="E42:E43"/>
    <mergeCell ref="F42:F43"/>
    <mergeCell ref="G42:G43"/>
    <mergeCell ref="F50:F51"/>
    <mergeCell ref="G50:G51"/>
    <mergeCell ref="H50:J50"/>
    <mergeCell ref="K50:K51"/>
    <mergeCell ref="L50:M50"/>
    <mergeCell ref="K53:K55"/>
    <mergeCell ref="H42:J42"/>
    <mergeCell ref="K42:K43"/>
    <mergeCell ref="L42:M42"/>
    <mergeCell ref="K45:K47"/>
    <mergeCell ref="A49:K49"/>
    <mergeCell ref="A50:A51"/>
    <mergeCell ref="B50:B51"/>
    <mergeCell ref="C50:C51"/>
    <mergeCell ref="D50:D51"/>
    <mergeCell ref="E50:E51"/>
    <mergeCell ref="A57:K57"/>
    <mergeCell ref="A58:A59"/>
    <mergeCell ref="B58:B59"/>
    <mergeCell ref="C58:C59"/>
    <mergeCell ref="D58:D59"/>
    <mergeCell ref="E58:E59"/>
    <mergeCell ref="F58:F59"/>
    <mergeCell ref="G58:G59"/>
    <mergeCell ref="H58:J58"/>
    <mergeCell ref="K58:K59"/>
    <mergeCell ref="L58:M58"/>
    <mergeCell ref="K61:K63"/>
    <mergeCell ref="C73:D73"/>
    <mergeCell ref="C74:D74"/>
    <mergeCell ref="C75:D75"/>
    <mergeCell ref="C77:D77"/>
    <mergeCell ref="A65:K65"/>
    <mergeCell ref="A66:A67"/>
    <mergeCell ref="B66:B67"/>
    <mergeCell ref="C66:C67"/>
    <mergeCell ref="L66:M66"/>
    <mergeCell ref="K69:K71"/>
    <mergeCell ref="D66:D67"/>
    <mergeCell ref="E66:E67"/>
    <mergeCell ref="F66:F67"/>
    <mergeCell ref="G66:G67"/>
    <mergeCell ref="H66:J66"/>
    <mergeCell ref="K66:K67"/>
    <mergeCell ref="B83:C83"/>
    <mergeCell ref="A86:B86"/>
    <mergeCell ref="C78:D78"/>
    <mergeCell ref="H78:I78"/>
    <mergeCell ref="C79:D79"/>
    <mergeCell ref="H80:I80"/>
    <mergeCell ref="H81:I81"/>
    <mergeCell ref="B82:C82"/>
  </mergeCells>
  <conditionalFormatting sqref="B82:C82">
    <cfRule type="containsBlanks" dxfId="77" priority="6">
      <formula>LEN(TRIM(B82))=0</formula>
    </cfRule>
  </conditionalFormatting>
  <conditionalFormatting sqref="B83:C83">
    <cfRule type="containsBlanks" dxfId="76" priority="5">
      <formula>LEN(TRIM(B83))=0</formula>
    </cfRule>
  </conditionalFormatting>
  <conditionalFormatting sqref="H80:I80">
    <cfRule type="containsBlanks" dxfId="75" priority="4">
      <formula>LEN(TRIM(H80))=0</formula>
    </cfRule>
  </conditionalFormatting>
  <conditionalFormatting sqref="H81:I81">
    <cfRule type="containsBlanks" dxfId="74" priority="3">
      <formula>LEN(TRIM(H81))=0</formula>
    </cfRule>
  </conditionalFormatting>
  <conditionalFormatting sqref="C73:D75">
    <cfRule type="containsBlanks" dxfId="73" priority="2">
      <formula>LEN(TRIM(C73))=0</formula>
    </cfRule>
  </conditionalFormatting>
  <conditionalFormatting sqref="C77:D79">
    <cfRule type="containsBlanks" dxfId="72" priority="1">
      <formula>LEN(TRIM(C77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3" manualBreakCount="3">
    <brk id="24" max="12" man="1"/>
    <brk id="48" max="12" man="1"/>
    <brk id="64" max="12" man="1"/>
  </rowBreaks>
  <colBreaks count="1" manualBreakCount="1">
    <brk id="13" max="2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53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8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89</v>
      </c>
      <c r="C9" s="114" t="s">
        <v>46</v>
      </c>
      <c r="D9" s="119">
        <v>1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x14ac:dyDescent="0.25">
      <c r="A10" s="51" t="s">
        <v>12</v>
      </c>
      <c r="B10" s="52" t="s">
        <v>90</v>
      </c>
      <c r="C10" s="114" t="s">
        <v>46</v>
      </c>
      <c r="D10" s="119">
        <v>10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4" customFormat="1" ht="39.75" customHeight="1" thickBot="1" x14ac:dyDescent="0.3">
      <c r="A11" s="51" t="s">
        <v>13</v>
      </c>
      <c r="B11" s="52" t="s">
        <v>91</v>
      </c>
      <c r="C11" s="114" t="s">
        <v>46</v>
      </c>
      <c r="D11" s="119">
        <v>5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62" s="45" customFormat="1" ht="33" customHeight="1" thickBot="1" x14ac:dyDescent="0.3">
      <c r="A12" s="60"/>
      <c r="B12" s="61"/>
      <c r="C12" s="61"/>
      <c r="D12" s="61"/>
      <c r="E12" s="62"/>
      <c r="F12" s="62"/>
      <c r="G12" s="62"/>
      <c r="H12" s="62"/>
      <c r="I12" s="61"/>
      <c r="J12" s="61"/>
      <c r="K12" s="61"/>
      <c r="L12" s="98">
        <f>SUM(L9:L11)</f>
        <v>0</v>
      </c>
      <c r="M12" s="116">
        <f>SUM(M9:M11)</f>
        <v>0</v>
      </c>
      <c r="O12" s="63"/>
      <c r="P12" s="63"/>
    </row>
    <row r="13" spans="1:62" s="46" customFormat="1" ht="29.25" customHeight="1" x14ac:dyDescent="0.25">
      <c r="A13" s="139" t="s">
        <v>92</v>
      </c>
      <c r="B13" s="139"/>
      <c r="C13" s="139"/>
      <c r="D13" s="139"/>
      <c r="E13" s="139"/>
      <c r="F13" s="139"/>
      <c r="G13" s="139"/>
      <c r="H13" s="139"/>
      <c r="I13" s="139"/>
      <c r="J13" s="139"/>
      <c r="K13" s="139"/>
      <c r="L13" s="64"/>
      <c r="M13" s="64"/>
      <c r="N13" s="64"/>
      <c r="O13" s="64"/>
      <c r="P13" s="64"/>
    </row>
    <row r="14" spans="1:62" s="39" customFormat="1" ht="33" customHeight="1" x14ac:dyDescent="0.25">
      <c r="A14" s="128" t="s">
        <v>24</v>
      </c>
      <c r="B14" s="128" t="s">
        <v>39</v>
      </c>
      <c r="C14" s="128" t="s">
        <v>40</v>
      </c>
      <c r="D14" s="128" t="s">
        <v>30</v>
      </c>
      <c r="E14" s="128" t="s">
        <v>32</v>
      </c>
      <c r="F14" s="128" t="s">
        <v>41</v>
      </c>
      <c r="G14" s="128" t="s">
        <v>42</v>
      </c>
      <c r="H14" s="130" t="s">
        <v>45</v>
      </c>
      <c r="I14" s="131"/>
      <c r="J14" s="131"/>
      <c r="K14" s="132" t="s">
        <v>53</v>
      </c>
      <c r="L14" s="134"/>
      <c r="M14" s="134"/>
      <c r="N14" s="47"/>
      <c r="O14" s="47"/>
      <c r="P14" s="47"/>
    </row>
    <row r="15" spans="1:62" s="39" customFormat="1" ht="22.5" customHeight="1" x14ac:dyDescent="0.25">
      <c r="A15" s="129"/>
      <c r="B15" s="129"/>
      <c r="C15" s="129"/>
      <c r="D15" s="129"/>
      <c r="E15" s="129"/>
      <c r="F15" s="129"/>
      <c r="G15" s="129"/>
      <c r="H15" s="48" t="s">
        <v>26</v>
      </c>
      <c r="I15" s="49" t="s">
        <v>27</v>
      </c>
      <c r="J15" s="92" t="s">
        <v>28</v>
      </c>
      <c r="K15" s="133"/>
      <c r="L15" s="96"/>
      <c r="M15" s="96"/>
      <c r="N15" s="47"/>
      <c r="O15" s="47"/>
      <c r="P15" s="47"/>
    </row>
    <row r="16" spans="1:62" s="111" customFormat="1" ht="14.1" customHeight="1" x14ac:dyDescent="0.25">
      <c r="A16" s="102" t="s">
        <v>0</v>
      </c>
      <c r="B16" s="103" t="s">
        <v>12</v>
      </c>
      <c r="C16" s="103" t="s">
        <v>13</v>
      </c>
      <c r="D16" s="103" t="s">
        <v>14</v>
      </c>
      <c r="E16" s="112" t="s">
        <v>15</v>
      </c>
      <c r="F16" s="104" t="s">
        <v>16</v>
      </c>
      <c r="G16" s="99" t="s">
        <v>17</v>
      </c>
      <c r="H16" s="105" t="s">
        <v>18</v>
      </c>
      <c r="I16" s="106" t="s">
        <v>19</v>
      </c>
      <c r="J16" s="107" t="s">
        <v>35</v>
      </c>
      <c r="K16" s="108" t="s">
        <v>36</v>
      </c>
      <c r="L16" s="117"/>
      <c r="M16" s="117"/>
      <c r="N16" s="109"/>
      <c r="O16" s="109"/>
      <c r="P16" s="109"/>
      <c r="Q16" s="110"/>
      <c r="R16" s="110"/>
      <c r="S16" s="110"/>
      <c r="T16" s="110"/>
      <c r="U16" s="110"/>
      <c r="V16" s="110"/>
      <c r="W16" s="110"/>
      <c r="X16" s="110"/>
      <c r="Y16" s="110"/>
      <c r="Z16" s="110"/>
      <c r="AA16" s="110"/>
      <c r="AB16" s="110"/>
      <c r="AC16" s="110"/>
      <c r="AD16" s="110"/>
      <c r="AE16" s="110"/>
      <c r="AF16" s="110"/>
      <c r="AG16" s="110"/>
      <c r="AH16" s="110"/>
      <c r="AI16" s="110"/>
      <c r="AJ16" s="110"/>
      <c r="AK16" s="110"/>
      <c r="AL16" s="110"/>
      <c r="AM16" s="110"/>
      <c r="AN16" s="110"/>
      <c r="AO16" s="110"/>
      <c r="AP16" s="110"/>
      <c r="AQ16" s="110"/>
      <c r="AR16" s="110"/>
      <c r="AS16" s="110"/>
      <c r="AT16" s="110"/>
      <c r="AU16" s="110"/>
      <c r="AV16" s="110"/>
      <c r="AW16" s="110"/>
      <c r="AX16" s="110"/>
      <c r="AY16" s="110"/>
      <c r="AZ16" s="110"/>
      <c r="BA16" s="110"/>
      <c r="BB16" s="110"/>
      <c r="BC16" s="110"/>
      <c r="BD16" s="110"/>
      <c r="BE16" s="110"/>
      <c r="BF16" s="110"/>
      <c r="BG16" s="110"/>
      <c r="BH16" s="110"/>
      <c r="BI16" s="110"/>
      <c r="BJ16" s="110"/>
    </row>
    <row r="17" spans="1:62" s="40" customFormat="1" ht="33" customHeight="1" x14ac:dyDescent="0.25">
      <c r="A17" s="86" t="s">
        <v>0</v>
      </c>
      <c r="B17" s="65"/>
      <c r="C17" s="66"/>
      <c r="D17" s="84"/>
      <c r="E17" s="84"/>
      <c r="F17" s="84"/>
      <c r="G17" s="84"/>
      <c r="H17" s="67"/>
      <c r="I17" s="68"/>
      <c r="J17" s="93"/>
      <c r="K17" s="135" t="s">
        <v>95</v>
      </c>
      <c r="L17" s="97"/>
      <c r="M17" s="97"/>
      <c r="N17" s="50"/>
      <c r="O17" s="50"/>
      <c r="P17" s="50"/>
    </row>
    <row r="18" spans="1:62" s="40" customFormat="1" ht="33" customHeight="1" x14ac:dyDescent="0.25">
      <c r="A18" s="85" t="s">
        <v>12</v>
      </c>
      <c r="B18" s="69"/>
      <c r="C18" s="70"/>
      <c r="D18" s="85"/>
      <c r="E18" s="85"/>
      <c r="F18" s="85"/>
      <c r="G18" s="86"/>
      <c r="H18" s="71"/>
      <c r="I18" s="72"/>
      <c r="J18" s="94"/>
      <c r="K18" s="136"/>
      <c r="L18" s="97"/>
      <c r="M18" s="97"/>
      <c r="N18" s="50"/>
      <c r="O18" s="50"/>
      <c r="P18" s="50"/>
    </row>
    <row r="19" spans="1:62" s="40" customFormat="1" ht="33" customHeight="1" x14ac:dyDescent="0.25">
      <c r="A19" s="87" t="s">
        <v>13</v>
      </c>
      <c r="B19" s="88"/>
      <c r="C19" s="89"/>
      <c r="D19" s="87"/>
      <c r="E19" s="87"/>
      <c r="F19" s="87"/>
      <c r="G19" s="87"/>
      <c r="H19" s="90"/>
      <c r="I19" s="91"/>
      <c r="J19" s="95"/>
      <c r="K19" s="137"/>
      <c r="L19" s="97"/>
      <c r="M19" s="97"/>
      <c r="N19" s="50"/>
      <c r="O19" s="50"/>
      <c r="P19" s="50"/>
    </row>
    <row r="20" spans="1:62" s="13" customFormat="1" ht="15.75" customHeight="1" x14ac:dyDescent="0.2">
      <c r="A20" s="23"/>
      <c r="B20" s="23"/>
      <c r="C20" s="10"/>
      <c r="D20" s="41"/>
      <c r="F20" s="14"/>
      <c r="G20" s="14"/>
      <c r="H20" s="14"/>
      <c r="I20" s="14"/>
      <c r="J20" s="26"/>
      <c r="K20" s="26"/>
      <c r="L20" s="26"/>
      <c r="M20" s="26"/>
    </row>
    <row r="21" spans="1:62" s="46" customFormat="1" ht="29.25" customHeight="1" x14ac:dyDescent="0.25">
      <c r="A21" s="139" t="s">
        <v>93</v>
      </c>
      <c r="B21" s="139"/>
      <c r="C21" s="139"/>
      <c r="D21" s="139"/>
      <c r="E21" s="139"/>
      <c r="F21" s="139"/>
      <c r="G21" s="139"/>
      <c r="H21" s="139"/>
      <c r="I21" s="139"/>
      <c r="J21" s="139"/>
      <c r="K21" s="139"/>
      <c r="L21" s="64"/>
      <c r="M21" s="64"/>
      <c r="N21" s="64"/>
      <c r="O21" s="64"/>
      <c r="P21" s="64"/>
    </row>
    <row r="22" spans="1:62" s="39" customFormat="1" ht="33" customHeight="1" x14ac:dyDescent="0.25">
      <c r="A22" s="128" t="s">
        <v>24</v>
      </c>
      <c r="B22" s="128" t="s">
        <v>39</v>
      </c>
      <c r="C22" s="128" t="s">
        <v>40</v>
      </c>
      <c r="D22" s="128" t="s">
        <v>30</v>
      </c>
      <c r="E22" s="128" t="s">
        <v>32</v>
      </c>
      <c r="F22" s="128" t="s">
        <v>41</v>
      </c>
      <c r="G22" s="128" t="s">
        <v>42</v>
      </c>
      <c r="H22" s="130" t="s">
        <v>45</v>
      </c>
      <c r="I22" s="131"/>
      <c r="J22" s="131"/>
      <c r="K22" s="132" t="s">
        <v>53</v>
      </c>
      <c r="L22" s="134"/>
      <c r="M22" s="134"/>
      <c r="N22" s="47"/>
      <c r="O22" s="47"/>
      <c r="P22" s="47"/>
    </row>
    <row r="23" spans="1:62" s="39" customFormat="1" ht="22.5" customHeight="1" x14ac:dyDescent="0.25">
      <c r="A23" s="129"/>
      <c r="B23" s="129"/>
      <c r="C23" s="129"/>
      <c r="D23" s="129"/>
      <c r="E23" s="129"/>
      <c r="F23" s="129"/>
      <c r="G23" s="129"/>
      <c r="H23" s="48" t="s">
        <v>26</v>
      </c>
      <c r="I23" s="49" t="s">
        <v>27</v>
      </c>
      <c r="J23" s="92" t="s">
        <v>28</v>
      </c>
      <c r="K23" s="133"/>
      <c r="L23" s="96"/>
      <c r="M23" s="96"/>
      <c r="N23" s="47"/>
      <c r="O23" s="47"/>
      <c r="P23" s="47"/>
    </row>
    <row r="24" spans="1:62" s="111" customFormat="1" ht="14.1" customHeight="1" x14ac:dyDescent="0.25">
      <c r="A24" s="102" t="s">
        <v>0</v>
      </c>
      <c r="B24" s="103" t="s">
        <v>12</v>
      </c>
      <c r="C24" s="103" t="s">
        <v>13</v>
      </c>
      <c r="D24" s="103" t="s">
        <v>14</v>
      </c>
      <c r="E24" s="112" t="s">
        <v>15</v>
      </c>
      <c r="F24" s="104" t="s">
        <v>16</v>
      </c>
      <c r="G24" s="99" t="s">
        <v>17</v>
      </c>
      <c r="H24" s="105" t="s">
        <v>18</v>
      </c>
      <c r="I24" s="106" t="s">
        <v>19</v>
      </c>
      <c r="J24" s="107" t="s">
        <v>35</v>
      </c>
      <c r="K24" s="108" t="s">
        <v>36</v>
      </c>
      <c r="L24" s="117"/>
      <c r="M24" s="117"/>
      <c r="N24" s="109"/>
      <c r="O24" s="109"/>
      <c r="P24" s="109"/>
      <c r="Q24" s="110"/>
      <c r="R24" s="110"/>
      <c r="S24" s="110"/>
      <c r="T24" s="110"/>
      <c r="U24" s="110"/>
      <c r="V24" s="110"/>
      <c r="W24" s="110"/>
      <c r="X24" s="110"/>
      <c r="Y24" s="110"/>
      <c r="Z24" s="110"/>
      <c r="AA24" s="110"/>
      <c r="AB24" s="110"/>
      <c r="AC24" s="110"/>
      <c r="AD24" s="110"/>
      <c r="AE24" s="110"/>
      <c r="AF24" s="110"/>
      <c r="AG24" s="110"/>
      <c r="AH24" s="110"/>
      <c r="AI24" s="110"/>
      <c r="AJ24" s="110"/>
      <c r="AK24" s="110"/>
      <c r="AL24" s="110"/>
      <c r="AM24" s="110"/>
      <c r="AN24" s="110"/>
      <c r="AO24" s="110"/>
      <c r="AP24" s="110"/>
      <c r="AQ24" s="110"/>
      <c r="AR24" s="110"/>
      <c r="AS24" s="110"/>
      <c r="AT24" s="110"/>
      <c r="AU24" s="110"/>
      <c r="AV24" s="110"/>
      <c r="AW24" s="110"/>
      <c r="AX24" s="110"/>
      <c r="AY24" s="110"/>
      <c r="AZ24" s="110"/>
      <c r="BA24" s="110"/>
      <c r="BB24" s="110"/>
      <c r="BC24" s="110"/>
      <c r="BD24" s="110"/>
      <c r="BE24" s="110"/>
      <c r="BF24" s="110"/>
      <c r="BG24" s="110"/>
      <c r="BH24" s="110"/>
      <c r="BI24" s="110"/>
      <c r="BJ24" s="110"/>
    </row>
    <row r="25" spans="1:62" s="40" customFormat="1" ht="33" customHeight="1" x14ac:dyDescent="0.25">
      <c r="A25" s="86" t="s">
        <v>0</v>
      </c>
      <c r="B25" s="65"/>
      <c r="C25" s="66"/>
      <c r="D25" s="84"/>
      <c r="E25" s="84"/>
      <c r="F25" s="84"/>
      <c r="G25" s="84"/>
      <c r="H25" s="67"/>
      <c r="I25" s="68"/>
      <c r="J25" s="93"/>
      <c r="K25" s="135" t="s">
        <v>96</v>
      </c>
      <c r="L25" s="97"/>
      <c r="M25" s="97"/>
      <c r="N25" s="50"/>
      <c r="O25" s="50"/>
      <c r="P25" s="50"/>
    </row>
    <row r="26" spans="1:62" s="40" customFormat="1" ht="33" customHeight="1" x14ac:dyDescent="0.25">
      <c r="A26" s="85" t="s">
        <v>12</v>
      </c>
      <c r="B26" s="69"/>
      <c r="C26" s="70"/>
      <c r="D26" s="85"/>
      <c r="E26" s="85"/>
      <c r="F26" s="85"/>
      <c r="G26" s="86"/>
      <c r="H26" s="71"/>
      <c r="I26" s="72"/>
      <c r="J26" s="94"/>
      <c r="K26" s="136"/>
      <c r="L26" s="97"/>
      <c r="M26" s="97"/>
      <c r="N26" s="50"/>
      <c r="O26" s="50"/>
      <c r="P26" s="50"/>
    </row>
    <row r="27" spans="1:62" s="40" customFormat="1" ht="33" customHeight="1" x14ac:dyDescent="0.25">
      <c r="A27" s="87" t="s">
        <v>13</v>
      </c>
      <c r="B27" s="88"/>
      <c r="C27" s="89"/>
      <c r="D27" s="87"/>
      <c r="E27" s="87"/>
      <c r="F27" s="87"/>
      <c r="G27" s="87"/>
      <c r="H27" s="90"/>
      <c r="I27" s="91"/>
      <c r="J27" s="95"/>
      <c r="K27" s="137"/>
      <c r="L27" s="97"/>
      <c r="M27" s="97"/>
      <c r="N27" s="50"/>
      <c r="O27" s="50"/>
      <c r="P27" s="50"/>
    </row>
    <row r="28" spans="1:62" s="45" customFormat="1" ht="33" customHeight="1" x14ac:dyDescent="0.25">
      <c r="A28" s="60"/>
      <c r="B28" s="61"/>
      <c r="C28" s="61"/>
      <c r="D28" s="61"/>
      <c r="E28" s="62"/>
      <c r="F28" s="62"/>
      <c r="G28" s="62"/>
      <c r="H28" s="62"/>
      <c r="I28" s="61"/>
      <c r="J28" s="61"/>
      <c r="K28" s="61"/>
      <c r="L28" s="127"/>
      <c r="M28" s="127"/>
      <c r="O28" s="63"/>
      <c r="P28" s="63"/>
    </row>
    <row r="29" spans="1:62" s="46" customFormat="1" ht="29.25" customHeight="1" x14ac:dyDescent="0.25">
      <c r="A29" s="139" t="s">
        <v>94</v>
      </c>
      <c r="B29" s="139"/>
      <c r="C29" s="139"/>
      <c r="D29" s="139"/>
      <c r="E29" s="139"/>
      <c r="F29" s="139"/>
      <c r="G29" s="139"/>
      <c r="H29" s="139"/>
      <c r="I29" s="139"/>
      <c r="J29" s="139"/>
      <c r="K29" s="139"/>
      <c r="L29" s="64"/>
      <c r="M29" s="64"/>
      <c r="N29" s="64"/>
      <c r="O29" s="64"/>
      <c r="P29" s="64"/>
    </row>
    <row r="30" spans="1:62" s="39" customFormat="1" ht="33" customHeight="1" x14ac:dyDescent="0.25">
      <c r="A30" s="128" t="s">
        <v>24</v>
      </c>
      <c r="B30" s="128" t="s">
        <v>39</v>
      </c>
      <c r="C30" s="128" t="s">
        <v>40</v>
      </c>
      <c r="D30" s="128" t="s">
        <v>30</v>
      </c>
      <c r="E30" s="128" t="s">
        <v>32</v>
      </c>
      <c r="F30" s="128" t="s">
        <v>41</v>
      </c>
      <c r="G30" s="128" t="s">
        <v>42</v>
      </c>
      <c r="H30" s="130" t="s">
        <v>45</v>
      </c>
      <c r="I30" s="131"/>
      <c r="J30" s="131"/>
      <c r="K30" s="132" t="s">
        <v>53</v>
      </c>
      <c r="L30" s="134"/>
      <c r="M30" s="134"/>
      <c r="N30" s="47"/>
      <c r="O30" s="47"/>
      <c r="P30" s="47"/>
    </row>
    <row r="31" spans="1:62" s="39" customFormat="1" ht="22.5" customHeight="1" x14ac:dyDescent="0.25">
      <c r="A31" s="129"/>
      <c r="B31" s="129"/>
      <c r="C31" s="129"/>
      <c r="D31" s="129"/>
      <c r="E31" s="129"/>
      <c r="F31" s="129"/>
      <c r="G31" s="129"/>
      <c r="H31" s="48" t="s">
        <v>26</v>
      </c>
      <c r="I31" s="49" t="s">
        <v>27</v>
      </c>
      <c r="J31" s="92" t="s">
        <v>28</v>
      </c>
      <c r="K31" s="133"/>
      <c r="L31" s="96"/>
      <c r="M31" s="96"/>
      <c r="N31" s="47"/>
      <c r="O31" s="47"/>
      <c r="P31" s="47"/>
    </row>
    <row r="32" spans="1:62" s="111" customFormat="1" ht="14.1" customHeight="1" x14ac:dyDescent="0.25">
      <c r="A32" s="102" t="s">
        <v>0</v>
      </c>
      <c r="B32" s="103" t="s">
        <v>12</v>
      </c>
      <c r="C32" s="103" t="s">
        <v>13</v>
      </c>
      <c r="D32" s="103" t="s">
        <v>14</v>
      </c>
      <c r="E32" s="112" t="s">
        <v>15</v>
      </c>
      <c r="F32" s="104" t="s">
        <v>16</v>
      </c>
      <c r="G32" s="99" t="s">
        <v>17</v>
      </c>
      <c r="H32" s="105" t="s">
        <v>18</v>
      </c>
      <c r="I32" s="106" t="s">
        <v>19</v>
      </c>
      <c r="J32" s="107" t="s">
        <v>35</v>
      </c>
      <c r="K32" s="108" t="s">
        <v>36</v>
      </c>
      <c r="L32" s="117"/>
      <c r="M32" s="117"/>
      <c r="N32" s="109"/>
      <c r="O32" s="109"/>
      <c r="P32" s="109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/>
      <c r="BH32" s="110"/>
      <c r="BI32" s="110"/>
      <c r="BJ32" s="110"/>
    </row>
    <row r="33" spans="1:16" s="40" customFormat="1" ht="33" customHeight="1" x14ac:dyDescent="0.25">
      <c r="A33" s="86" t="s">
        <v>0</v>
      </c>
      <c r="B33" s="65"/>
      <c r="C33" s="66"/>
      <c r="D33" s="84"/>
      <c r="E33" s="84"/>
      <c r="F33" s="84"/>
      <c r="G33" s="84"/>
      <c r="H33" s="67"/>
      <c r="I33" s="68"/>
      <c r="J33" s="93"/>
      <c r="K33" s="135" t="s">
        <v>97</v>
      </c>
      <c r="L33" s="97"/>
      <c r="M33" s="97"/>
      <c r="N33" s="50"/>
      <c r="O33" s="50"/>
      <c r="P33" s="50"/>
    </row>
    <row r="34" spans="1:16" s="40" customFormat="1" ht="33" customHeight="1" x14ac:dyDescent="0.25">
      <c r="A34" s="85" t="s">
        <v>12</v>
      </c>
      <c r="B34" s="69"/>
      <c r="C34" s="70"/>
      <c r="D34" s="85"/>
      <c r="E34" s="85"/>
      <c r="F34" s="85"/>
      <c r="G34" s="86"/>
      <c r="H34" s="71"/>
      <c r="I34" s="72"/>
      <c r="J34" s="94"/>
      <c r="K34" s="136"/>
      <c r="L34" s="97"/>
      <c r="M34" s="97"/>
      <c r="N34" s="50"/>
      <c r="O34" s="50"/>
      <c r="P34" s="50"/>
    </row>
    <row r="35" spans="1:16" s="40" customFormat="1" ht="33" customHeight="1" x14ac:dyDescent="0.25">
      <c r="A35" s="87" t="s">
        <v>13</v>
      </c>
      <c r="B35" s="88"/>
      <c r="C35" s="89"/>
      <c r="D35" s="87"/>
      <c r="E35" s="87"/>
      <c r="F35" s="87"/>
      <c r="G35" s="87"/>
      <c r="H35" s="90"/>
      <c r="I35" s="91"/>
      <c r="J35" s="95"/>
      <c r="K35" s="137"/>
      <c r="L35" s="97"/>
      <c r="M35" s="97"/>
      <c r="N35" s="50"/>
      <c r="O35" s="50"/>
      <c r="P35" s="50"/>
    </row>
    <row r="36" spans="1:16" s="13" customFormat="1" ht="15.75" customHeight="1" x14ac:dyDescent="0.2">
      <c r="A36" s="23"/>
      <c r="B36" s="23"/>
      <c r="C36" s="10"/>
      <c r="D36" s="41"/>
      <c r="F36" s="14"/>
      <c r="G36" s="14"/>
      <c r="H36" s="14"/>
      <c r="I36" s="14"/>
      <c r="J36" s="26"/>
      <c r="K36" s="26"/>
      <c r="L36" s="26"/>
      <c r="M36" s="26"/>
    </row>
    <row r="37" spans="1:16" s="40" customFormat="1" ht="33" customHeight="1" x14ac:dyDescent="0.25">
      <c r="A37" s="73"/>
      <c r="B37" s="74"/>
      <c r="C37" s="74"/>
      <c r="D37" s="73"/>
      <c r="E37" s="73"/>
      <c r="F37" s="73"/>
      <c r="G37" s="73"/>
      <c r="H37" s="75"/>
      <c r="I37" s="76"/>
      <c r="J37" s="75"/>
      <c r="K37" s="120"/>
      <c r="L37" s="97"/>
      <c r="M37" s="97"/>
      <c r="N37" s="50"/>
      <c r="O37" s="50"/>
      <c r="P37" s="50"/>
    </row>
    <row r="38" spans="1:16" s="18" customFormat="1" ht="20.100000000000001" customHeight="1" x14ac:dyDescent="0.2">
      <c r="A38" s="42" t="s">
        <v>3</v>
      </c>
      <c r="B38" s="42"/>
      <c r="C38" s="141"/>
      <c r="D38" s="141"/>
      <c r="E38" s="25"/>
      <c r="F38" s="17"/>
      <c r="G38" s="17"/>
      <c r="H38" s="17"/>
      <c r="I38" s="17"/>
      <c r="J38" s="17"/>
      <c r="K38" s="26"/>
      <c r="L38" s="26"/>
    </row>
    <row r="39" spans="1:16" s="18" customFormat="1" ht="20.100000000000001" customHeight="1" x14ac:dyDescent="0.2">
      <c r="A39" s="42" t="s">
        <v>4</v>
      </c>
      <c r="B39" s="42"/>
      <c r="C39" s="140"/>
      <c r="D39" s="140"/>
      <c r="E39" s="20"/>
      <c r="F39" s="17"/>
      <c r="G39" s="17"/>
      <c r="H39" s="17"/>
      <c r="I39" s="17"/>
      <c r="J39" s="17"/>
      <c r="K39" s="21"/>
      <c r="L39" s="22"/>
    </row>
    <row r="40" spans="1:16" s="18" customFormat="1" ht="20.100000000000001" customHeight="1" x14ac:dyDescent="0.2">
      <c r="A40" s="42" t="s">
        <v>5</v>
      </c>
      <c r="B40" s="42"/>
      <c r="C40" s="140"/>
      <c r="D40" s="140"/>
      <c r="E40" s="20"/>
      <c r="F40" s="17"/>
      <c r="G40" s="17"/>
      <c r="H40" s="17"/>
      <c r="I40" s="17"/>
      <c r="J40" s="17"/>
      <c r="K40" s="21"/>
      <c r="L40" s="22"/>
    </row>
    <row r="41" spans="1:16" s="18" customFormat="1" ht="20.100000000000001" customHeight="1" x14ac:dyDescent="0.25">
      <c r="A41" s="42"/>
      <c r="B41" s="42"/>
      <c r="C41" s="42"/>
      <c r="D41" s="19"/>
      <c r="E41" s="20"/>
      <c r="F41" s="17"/>
      <c r="G41" s="17"/>
      <c r="H41" s="17"/>
      <c r="I41" s="17"/>
      <c r="J41" s="17"/>
      <c r="K41" s="21"/>
      <c r="L41" s="22"/>
    </row>
    <row r="42" spans="1:16" s="18" customFormat="1" ht="20.100000000000001" customHeight="1" x14ac:dyDescent="0.2">
      <c r="A42" s="42" t="s">
        <v>6</v>
      </c>
      <c r="B42" s="42"/>
      <c r="C42" s="141"/>
      <c r="D42" s="141"/>
      <c r="E42" s="20"/>
      <c r="F42" s="17"/>
      <c r="G42" s="17"/>
      <c r="H42" s="17"/>
      <c r="I42" s="17"/>
      <c r="J42" s="17"/>
      <c r="K42" s="21"/>
      <c r="L42" s="22"/>
    </row>
    <row r="43" spans="1:16" s="18" customFormat="1" ht="20.100000000000001" customHeight="1" x14ac:dyDescent="0.2">
      <c r="A43" s="42" t="s">
        <v>7</v>
      </c>
      <c r="B43" s="42"/>
      <c r="C43" s="140"/>
      <c r="D43" s="140"/>
      <c r="E43" s="20"/>
      <c r="F43" s="17"/>
      <c r="G43" s="27" t="s">
        <v>20</v>
      </c>
      <c r="H43" s="151"/>
      <c r="I43" s="151"/>
      <c r="J43" s="17"/>
      <c r="K43" s="21"/>
      <c r="L43" s="22"/>
    </row>
    <row r="44" spans="1:16" s="18" customFormat="1" ht="20.100000000000001" customHeight="1" x14ac:dyDescent="0.2">
      <c r="A44" s="42" t="s">
        <v>8</v>
      </c>
      <c r="B44" s="42"/>
      <c r="C44" s="140"/>
      <c r="D44" s="140"/>
      <c r="E44" s="20"/>
      <c r="F44" s="17"/>
      <c r="G44" s="28"/>
      <c r="H44" s="29"/>
      <c r="I44" s="29"/>
    </row>
    <row r="45" spans="1:16" s="18" customFormat="1" ht="20.100000000000001" customHeight="1" x14ac:dyDescent="0.25">
      <c r="A45" s="19"/>
      <c r="B45" s="19"/>
      <c r="C45" s="19"/>
      <c r="D45" s="20"/>
      <c r="E45" s="20"/>
      <c r="F45" s="17"/>
      <c r="G45" s="30" t="s">
        <v>21</v>
      </c>
      <c r="H45" s="152"/>
      <c r="I45" s="152"/>
    </row>
    <row r="46" spans="1:16" s="18" customFormat="1" ht="20.100000000000001" customHeight="1" x14ac:dyDescent="0.25">
      <c r="A46" s="19"/>
      <c r="B46" s="19"/>
      <c r="C46" s="19"/>
      <c r="D46" s="20"/>
      <c r="E46" s="20"/>
      <c r="F46" s="17"/>
      <c r="G46" s="30" t="s">
        <v>22</v>
      </c>
      <c r="H46" s="150"/>
      <c r="I46" s="150"/>
    </row>
    <row r="47" spans="1:16" s="13" customFormat="1" ht="20.100000000000001" customHeight="1" x14ac:dyDescent="0.2">
      <c r="A47" s="10" t="s">
        <v>2</v>
      </c>
      <c r="B47" s="140"/>
      <c r="C47" s="140"/>
      <c r="D47" s="11"/>
      <c r="E47" s="11"/>
      <c r="F47" s="14"/>
      <c r="G47" s="31" t="s">
        <v>23</v>
      </c>
      <c r="H47" s="28"/>
      <c r="I47" s="32"/>
      <c r="M47" s="10"/>
    </row>
    <row r="48" spans="1:16" s="13" customFormat="1" ht="20.100000000000001" customHeight="1" x14ac:dyDescent="0.2">
      <c r="A48" s="10" t="s">
        <v>1</v>
      </c>
      <c r="B48" s="149"/>
      <c r="C48" s="149"/>
      <c r="D48" s="11"/>
      <c r="E48" s="11"/>
      <c r="F48" s="14"/>
      <c r="G48" s="14"/>
      <c r="H48" s="14"/>
      <c r="I48" s="14"/>
      <c r="M48" s="10"/>
    </row>
    <row r="49" spans="1:13" s="13" customFormat="1" x14ac:dyDescent="0.2">
      <c r="A49" s="10"/>
      <c r="B49" s="10"/>
      <c r="C49" s="10"/>
      <c r="D49" s="11"/>
      <c r="E49" s="11"/>
      <c r="F49" s="14"/>
      <c r="G49" s="14"/>
      <c r="H49" s="14"/>
      <c r="I49" s="14"/>
      <c r="J49" s="14"/>
      <c r="K49" s="12"/>
      <c r="L49" s="10"/>
      <c r="M49" s="10"/>
    </row>
    <row r="50" spans="1:13" s="13" customFormat="1" ht="15" customHeight="1" x14ac:dyDescent="0.2">
      <c r="A50" s="10"/>
      <c r="B50" s="10"/>
      <c r="D50" s="11"/>
      <c r="E50" s="11"/>
      <c r="F50" s="14"/>
      <c r="G50" s="14"/>
      <c r="H50" s="14"/>
      <c r="I50" s="14"/>
      <c r="J50" s="14"/>
      <c r="K50" s="12"/>
      <c r="L50" s="10"/>
      <c r="M50" s="10"/>
    </row>
    <row r="51" spans="1:13" s="2" customFormat="1" x14ac:dyDescent="0.2">
      <c r="A51" s="148" t="s">
        <v>10</v>
      </c>
      <c r="B51" s="148"/>
      <c r="D51" s="3"/>
      <c r="E51" s="3"/>
      <c r="F51" s="4"/>
      <c r="G51" s="4"/>
      <c r="H51" s="4"/>
      <c r="I51" s="4"/>
      <c r="J51" s="4"/>
      <c r="K51" s="15"/>
    </row>
    <row r="52" spans="1:13" ht="14.25" x14ac:dyDescent="0.2">
      <c r="A52" s="33"/>
      <c r="B52" s="34" t="s">
        <v>11</v>
      </c>
    </row>
    <row r="53" spans="1:13" ht="6.75" customHeight="1" x14ac:dyDescent="0.2">
      <c r="A53" s="35"/>
      <c r="B53" s="36"/>
    </row>
  </sheetData>
  <mergeCells count="60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3:K13"/>
    <mergeCell ref="A14:A15"/>
    <mergeCell ref="B14:B15"/>
    <mergeCell ref="C14:C15"/>
    <mergeCell ref="D14:D15"/>
    <mergeCell ref="E14:E15"/>
    <mergeCell ref="F14:F15"/>
    <mergeCell ref="G14:G15"/>
    <mergeCell ref="K25:K27"/>
    <mergeCell ref="H14:J14"/>
    <mergeCell ref="K14:K15"/>
    <mergeCell ref="L14:M14"/>
    <mergeCell ref="K17:K19"/>
    <mergeCell ref="A21:K21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L22:M22"/>
    <mergeCell ref="C42:D42"/>
    <mergeCell ref="A29:K29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L30:M30"/>
    <mergeCell ref="K33:K35"/>
    <mergeCell ref="C38:D38"/>
    <mergeCell ref="C39:D39"/>
    <mergeCell ref="C40:D40"/>
    <mergeCell ref="B48:C48"/>
    <mergeCell ref="A51:B51"/>
    <mergeCell ref="C43:D43"/>
    <mergeCell ref="H43:I43"/>
    <mergeCell ref="C44:D44"/>
    <mergeCell ref="H45:I45"/>
    <mergeCell ref="H46:I46"/>
    <mergeCell ref="B47:C47"/>
  </mergeCells>
  <conditionalFormatting sqref="B47:C47">
    <cfRule type="containsBlanks" dxfId="341" priority="6">
      <formula>LEN(TRIM(B47))=0</formula>
    </cfRule>
  </conditionalFormatting>
  <conditionalFormatting sqref="B48:C48">
    <cfRule type="containsBlanks" dxfId="340" priority="5">
      <formula>LEN(TRIM(B48))=0</formula>
    </cfRule>
  </conditionalFormatting>
  <conditionalFormatting sqref="H45:I45">
    <cfRule type="containsBlanks" dxfId="339" priority="4">
      <formula>LEN(TRIM(H45))=0</formula>
    </cfRule>
  </conditionalFormatting>
  <conditionalFormatting sqref="H46:I46">
    <cfRule type="containsBlanks" dxfId="338" priority="3">
      <formula>LEN(TRIM(H46))=0</formula>
    </cfRule>
  </conditionalFormatting>
  <conditionalFormatting sqref="C38:D40">
    <cfRule type="containsBlanks" dxfId="337" priority="2">
      <formula>LEN(TRIM(C38))=0</formula>
    </cfRule>
  </conditionalFormatting>
  <conditionalFormatting sqref="C42:D44">
    <cfRule type="containsBlanks" dxfId="336" priority="1">
      <formula>LEN(TRIM(C42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20" max="12" man="1"/>
  </rowBreaks>
  <colBreaks count="1" manualBreakCount="1">
    <brk id="13" max="28" man="1"/>
  </colBreaks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125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47" t="s">
        <v>396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0" customHeight="1" x14ac:dyDescent="0.25">
      <c r="A9" s="51" t="s">
        <v>0</v>
      </c>
      <c r="B9" s="52" t="s">
        <v>397</v>
      </c>
      <c r="C9" s="114" t="s">
        <v>46</v>
      </c>
      <c r="D9" s="119">
        <v>8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0" customHeight="1" x14ac:dyDescent="0.25">
      <c r="A10" s="51" t="s">
        <v>12</v>
      </c>
      <c r="B10" s="52" t="s">
        <v>398</v>
      </c>
      <c r="C10" s="114" t="s">
        <v>46</v>
      </c>
      <c r="D10" s="119">
        <v>8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0" customHeight="1" x14ac:dyDescent="0.25">
      <c r="A11" s="51" t="s">
        <v>13</v>
      </c>
      <c r="B11" s="52" t="s">
        <v>399</v>
      </c>
      <c r="C11" s="114" t="s">
        <v>46</v>
      </c>
      <c r="D11" s="119">
        <v>6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0" customHeight="1" x14ac:dyDescent="0.25">
      <c r="A12" s="51" t="s">
        <v>14</v>
      </c>
      <c r="B12" s="52" t="s">
        <v>400</v>
      </c>
      <c r="C12" s="114" t="s">
        <v>46</v>
      </c>
      <c r="D12" s="119">
        <v>1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0" customHeight="1" x14ac:dyDescent="0.25">
      <c r="A13" s="51" t="s">
        <v>15</v>
      </c>
      <c r="B13" s="52" t="s">
        <v>401</v>
      </c>
      <c r="C13" s="114" t="s">
        <v>46</v>
      </c>
      <c r="D13" s="119">
        <v>1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0" customHeight="1" x14ac:dyDescent="0.25">
      <c r="A14" s="51" t="s">
        <v>16</v>
      </c>
      <c r="B14" s="52" t="s">
        <v>402</v>
      </c>
      <c r="C14" s="114" t="s">
        <v>46</v>
      </c>
      <c r="D14" s="119">
        <v>8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4" customFormat="1" ht="30" customHeight="1" x14ac:dyDescent="0.25">
      <c r="A15" s="51" t="s">
        <v>17</v>
      </c>
      <c r="B15" s="52" t="s">
        <v>403</v>
      </c>
      <c r="C15" s="114" t="s">
        <v>46</v>
      </c>
      <c r="D15" s="119">
        <v>10</v>
      </c>
      <c r="E15" s="53"/>
      <c r="F15" s="53"/>
      <c r="G15" s="53"/>
      <c r="H15" s="54"/>
      <c r="I15" s="55"/>
      <c r="J15" s="56"/>
      <c r="K15" s="57"/>
      <c r="L15" s="58"/>
      <c r="M15" s="59"/>
      <c r="O15" s="50"/>
      <c r="P15" s="50"/>
    </row>
    <row r="16" spans="1:22" s="44" customFormat="1" ht="30" customHeight="1" x14ac:dyDescent="0.25">
      <c r="A16" s="51" t="s">
        <v>18</v>
      </c>
      <c r="B16" s="52" t="s">
        <v>404</v>
      </c>
      <c r="C16" s="114" t="s">
        <v>46</v>
      </c>
      <c r="D16" s="119">
        <v>12</v>
      </c>
      <c r="E16" s="53"/>
      <c r="F16" s="53"/>
      <c r="G16" s="53"/>
      <c r="H16" s="54"/>
      <c r="I16" s="55"/>
      <c r="J16" s="56"/>
      <c r="K16" s="57"/>
      <c r="L16" s="58"/>
      <c r="M16" s="59"/>
      <c r="O16" s="50"/>
      <c r="P16" s="50"/>
    </row>
    <row r="17" spans="1:62" s="44" customFormat="1" ht="30" customHeight="1" x14ac:dyDescent="0.25">
      <c r="A17" s="51" t="s">
        <v>19</v>
      </c>
      <c r="B17" s="52" t="s">
        <v>405</v>
      </c>
      <c r="C17" s="114" t="s">
        <v>46</v>
      </c>
      <c r="D17" s="119">
        <v>12</v>
      </c>
      <c r="E17" s="53"/>
      <c r="F17" s="53"/>
      <c r="G17" s="53"/>
      <c r="H17" s="54"/>
      <c r="I17" s="55"/>
      <c r="J17" s="56"/>
      <c r="K17" s="57"/>
      <c r="L17" s="58"/>
      <c r="M17" s="59"/>
      <c r="O17" s="50"/>
      <c r="P17" s="50"/>
    </row>
    <row r="18" spans="1:62" s="44" customFormat="1" ht="30" customHeight="1" x14ac:dyDescent="0.25">
      <c r="A18" s="51" t="s">
        <v>35</v>
      </c>
      <c r="B18" s="52" t="s">
        <v>406</v>
      </c>
      <c r="C18" s="114" t="s">
        <v>46</v>
      </c>
      <c r="D18" s="119">
        <v>40</v>
      </c>
      <c r="E18" s="53"/>
      <c r="F18" s="53"/>
      <c r="G18" s="53"/>
      <c r="H18" s="54"/>
      <c r="I18" s="55"/>
      <c r="J18" s="56"/>
      <c r="K18" s="57"/>
      <c r="L18" s="58"/>
      <c r="M18" s="59"/>
      <c r="O18" s="50"/>
      <c r="P18" s="50"/>
    </row>
    <row r="19" spans="1:62" s="44" customFormat="1" ht="30" customHeight="1" thickBot="1" x14ac:dyDescent="0.3">
      <c r="A19" s="51" t="s">
        <v>36</v>
      </c>
      <c r="B19" s="52" t="s">
        <v>407</v>
      </c>
      <c r="C19" s="114" t="s">
        <v>46</v>
      </c>
      <c r="D19" s="119">
        <v>40</v>
      </c>
      <c r="E19" s="53"/>
      <c r="F19" s="53"/>
      <c r="G19" s="53"/>
      <c r="H19" s="54"/>
      <c r="I19" s="55"/>
      <c r="J19" s="56"/>
      <c r="K19" s="57"/>
      <c r="L19" s="58"/>
      <c r="M19" s="59"/>
      <c r="O19" s="50"/>
      <c r="P19" s="50"/>
    </row>
    <row r="20" spans="1:62" s="45" customFormat="1" ht="33" customHeight="1" thickBot="1" x14ac:dyDescent="0.3">
      <c r="A20" s="60"/>
      <c r="B20" s="61"/>
      <c r="C20" s="61"/>
      <c r="D20" s="61"/>
      <c r="E20" s="62"/>
      <c r="F20" s="62"/>
      <c r="G20" s="62"/>
      <c r="H20" s="62"/>
      <c r="I20" s="61"/>
      <c r="J20" s="61"/>
      <c r="K20" s="61"/>
      <c r="L20" s="98">
        <f>SUM(L9:L19)</f>
        <v>0</v>
      </c>
      <c r="M20" s="116">
        <f>SUM(M9:M19)</f>
        <v>0</v>
      </c>
      <c r="O20" s="63"/>
      <c r="P20" s="63"/>
    </row>
    <row r="21" spans="1:62" s="46" customFormat="1" ht="29.25" customHeight="1" x14ac:dyDescent="0.25">
      <c r="A21" s="139" t="s">
        <v>408</v>
      </c>
      <c r="B21" s="139"/>
      <c r="C21" s="139"/>
      <c r="D21" s="139"/>
      <c r="E21" s="139"/>
      <c r="F21" s="139"/>
      <c r="G21" s="139"/>
      <c r="H21" s="139"/>
      <c r="I21" s="139"/>
      <c r="J21" s="139"/>
      <c r="K21" s="139"/>
      <c r="L21" s="64"/>
      <c r="M21" s="64"/>
      <c r="N21" s="64"/>
      <c r="O21" s="64"/>
      <c r="P21" s="64"/>
    </row>
    <row r="22" spans="1:62" s="39" customFormat="1" ht="33" customHeight="1" x14ac:dyDescent="0.25">
      <c r="A22" s="128" t="s">
        <v>24</v>
      </c>
      <c r="B22" s="128" t="s">
        <v>39</v>
      </c>
      <c r="C22" s="128" t="s">
        <v>40</v>
      </c>
      <c r="D22" s="128" t="s">
        <v>30</v>
      </c>
      <c r="E22" s="128" t="s">
        <v>32</v>
      </c>
      <c r="F22" s="128" t="s">
        <v>41</v>
      </c>
      <c r="G22" s="128" t="s">
        <v>42</v>
      </c>
      <c r="H22" s="130" t="s">
        <v>45</v>
      </c>
      <c r="I22" s="131"/>
      <c r="J22" s="131"/>
      <c r="K22" s="132" t="s">
        <v>53</v>
      </c>
      <c r="L22" s="134"/>
      <c r="M22" s="134"/>
      <c r="N22" s="47"/>
      <c r="O22" s="47"/>
      <c r="P22" s="47"/>
    </row>
    <row r="23" spans="1:62" s="39" customFormat="1" ht="22.5" customHeight="1" x14ac:dyDescent="0.25">
      <c r="A23" s="129"/>
      <c r="B23" s="129"/>
      <c r="C23" s="129"/>
      <c r="D23" s="129"/>
      <c r="E23" s="129"/>
      <c r="F23" s="129"/>
      <c r="G23" s="129"/>
      <c r="H23" s="48" t="s">
        <v>26</v>
      </c>
      <c r="I23" s="49" t="s">
        <v>27</v>
      </c>
      <c r="J23" s="92" t="s">
        <v>28</v>
      </c>
      <c r="K23" s="133"/>
      <c r="L23" s="96"/>
      <c r="M23" s="96"/>
      <c r="N23" s="47"/>
      <c r="O23" s="47"/>
      <c r="P23" s="47"/>
    </row>
    <row r="24" spans="1:62" s="111" customFormat="1" ht="14.1" customHeight="1" x14ac:dyDescent="0.25">
      <c r="A24" s="102" t="s">
        <v>0</v>
      </c>
      <c r="B24" s="103" t="s">
        <v>12</v>
      </c>
      <c r="C24" s="103" t="s">
        <v>13</v>
      </c>
      <c r="D24" s="103" t="s">
        <v>14</v>
      </c>
      <c r="E24" s="112" t="s">
        <v>15</v>
      </c>
      <c r="F24" s="104" t="s">
        <v>16</v>
      </c>
      <c r="G24" s="99" t="s">
        <v>17</v>
      </c>
      <c r="H24" s="105" t="s">
        <v>18</v>
      </c>
      <c r="I24" s="106" t="s">
        <v>19</v>
      </c>
      <c r="J24" s="107" t="s">
        <v>35</v>
      </c>
      <c r="K24" s="108" t="s">
        <v>36</v>
      </c>
      <c r="L24" s="117"/>
      <c r="M24" s="117"/>
      <c r="N24" s="109"/>
      <c r="O24" s="109"/>
      <c r="P24" s="109"/>
      <c r="Q24" s="110"/>
      <c r="R24" s="110"/>
      <c r="S24" s="110"/>
      <c r="T24" s="110"/>
      <c r="U24" s="110"/>
      <c r="V24" s="110"/>
      <c r="W24" s="110"/>
      <c r="X24" s="110"/>
      <c r="Y24" s="110"/>
      <c r="Z24" s="110"/>
      <c r="AA24" s="110"/>
      <c r="AB24" s="110"/>
      <c r="AC24" s="110"/>
      <c r="AD24" s="110"/>
      <c r="AE24" s="110"/>
      <c r="AF24" s="110"/>
      <c r="AG24" s="110"/>
      <c r="AH24" s="110"/>
      <c r="AI24" s="110"/>
      <c r="AJ24" s="110"/>
      <c r="AK24" s="110"/>
      <c r="AL24" s="110"/>
      <c r="AM24" s="110"/>
      <c r="AN24" s="110"/>
      <c r="AO24" s="110"/>
      <c r="AP24" s="110"/>
      <c r="AQ24" s="110"/>
      <c r="AR24" s="110"/>
      <c r="AS24" s="110"/>
      <c r="AT24" s="110"/>
      <c r="AU24" s="110"/>
      <c r="AV24" s="110"/>
      <c r="AW24" s="110"/>
      <c r="AX24" s="110"/>
      <c r="AY24" s="110"/>
      <c r="AZ24" s="110"/>
      <c r="BA24" s="110"/>
      <c r="BB24" s="110"/>
      <c r="BC24" s="110"/>
      <c r="BD24" s="110"/>
      <c r="BE24" s="110"/>
      <c r="BF24" s="110"/>
      <c r="BG24" s="110"/>
      <c r="BH24" s="110"/>
      <c r="BI24" s="110"/>
      <c r="BJ24" s="110"/>
    </row>
    <row r="25" spans="1:62" s="40" customFormat="1" ht="33" customHeight="1" x14ac:dyDescent="0.25">
      <c r="A25" s="86" t="s">
        <v>0</v>
      </c>
      <c r="B25" s="65"/>
      <c r="C25" s="66"/>
      <c r="D25" s="84"/>
      <c r="E25" s="84"/>
      <c r="F25" s="84"/>
      <c r="G25" s="84"/>
      <c r="H25" s="67"/>
      <c r="I25" s="68"/>
      <c r="J25" s="93"/>
      <c r="K25" s="135" t="s">
        <v>295</v>
      </c>
      <c r="L25" s="97"/>
      <c r="M25" s="97"/>
      <c r="N25" s="50"/>
      <c r="O25" s="50"/>
      <c r="P25" s="50"/>
    </row>
    <row r="26" spans="1:62" s="40" customFormat="1" ht="33" customHeight="1" x14ac:dyDescent="0.25">
      <c r="A26" s="85" t="s">
        <v>12</v>
      </c>
      <c r="B26" s="69"/>
      <c r="C26" s="70"/>
      <c r="D26" s="85"/>
      <c r="E26" s="85"/>
      <c r="F26" s="85"/>
      <c r="G26" s="86"/>
      <c r="H26" s="71"/>
      <c r="I26" s="72"/>
      <c r="J26" s="94"/>
      <c r="K26" s="136"/>
      <c r="L26" s="97"/>
      <c r="M26" s="97"/>
      <c r="N26" s="50"/>
      <c r="O26" s="50"/>
      <c r="P26" s="50"/>
    </row>
    <row r="27" spans="1:62" s="40" customFormat="1" ht="33" customHeight="1" x14ac:dyDescent="0.25">
      <c r="A27" s="87" t="s">
        <v>13</v>
      </c>
      <c r="B27" s="88"/>
      <c r="C27" s="89"/>
      <c r="D27" s="87"/>
      <c r="E27" s="87"/>
      <c r="F27" s="87"/>
      <c r="G27" s="87"/>
      <c r="H27" s="90"/>
      <c r="I27" s="91"/>
      <c r="J27" s="95"/>
      <c r="K27" s="137"/>
      <c r="L27" s="97"/>
      <c r="M27" s="97"/>
      <c r="N27" s="50"/>
      <c r="O27" s="50"/>
      <c r="P27" s="50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6" customFormat="1" ht="29.25" customHeight="1" x14ac:dyDescent="0.25">
      <c r="A29" s="139" t="s">
        <v>409</v>
      </c>
      <c r="B29" s="139"/>
      <c r="C29" s="139"/>
      <c r="D29" s="139"/>
      <c r="E29" s="139"/>
      <c r="F29" s="139"/>
      <c r="G29" s="139"/>
      <c r="H29" s="139"/>
      <c r="I29" s="139"/>
      <c r="J29" s="139"/>
      <c r="K29" s="139"/>
      <c r="L29" s="64"/>
      <c r="M29" s="64"/>
      <c r="N29" s="64"/>
      <c r="O29" s="64"/>
      <c r="P29" s="64"/>
    </row>
    <row r="30" spans="1:62" s="39" customFormat="1" ht="33" customHeight="1" x14ac:dyDescent="0.25">
      <c r="A30" s="128" t="s">
        <v>24</v>
      </c>
      <c r="B30" s="128" t="s">
        <v>39</v>
      </c>
      <c r="C30" s="128" t="s">
        <v>40</v>
      </c>
      <c r="D30" s="128" t="s">
        <v>30</v>
      </c>
      <c r="E30" s="128" t="s">
        <v>32</v>
      </c>
      <c r="F30" s="128" t="s">
        <v>41</v>
      </c>
      <c r="G30" s="128" t="s">
        <v>42</v>
      </c>
      <c r="H30" s="130" t="s">
        <v>45</v>
      </c>
      <c r="I30" s="131"/>
      <c r="J30" s="131"/>
      <c r="K30" s="132" t="s">
        <v>53</v>
      </c>
      <c r="L30" s="134"/>
      <c r="M30" s="134"/>
      <c r="N30" s="47"/>
      <c r="O30" s="47"/>
      <c r="P30" s="47"/>
    </row>
    <row r="31" spans="1:62" s="39" customFormat="1" ht="22.5" customHeight="1" x14ac:dyDescent="0.25">
      <c r="A31" s="129"/>
      <c r="B31" s="129"/>
      <c r="C31" s="129"/>
      <c r="D31" s="129"/>
      <c r="E31" s="129"/>
      <c r="F31" s="129"/>
      <c r="G31" s="129"/>
      <c r="H31" s="48" t="s">
        <v>26</v>
      </c>
      <c r="I31" s="49" t="s">
        <v>27</v>
      </c>
      <c r="J31" s="92" t="s">
        <v>28</v>
      </c>
      <c r="K31" s="133"/>
      <c r="L31" s="96"/>
      <c r="M31" s="96"/>
      <c r="N31" s="47"/>
      <c r="O31" s="47"/>
      <c r="P31" s="47"/>
    </row>
    <row r="32" spans="1:62" s="111" customFormat="1" ht="14.1" customHeight="1" x14ac:dyDescent="0.25">
      <c r="A32" s="102" t="s">
        <v>0</v>
      </c>
      <c r="B32" s="103" t="s">
        <v>12</v>
      </c>
      <c r="C32" s="103" t="s">
        <v>13</v>
      </c>
      <c r="D32" s="103" t="s">
        <v>14</v>
      </c>
      <c r="E32" s="112" t="s">
        <v>15</v>
      </c>
      <c r="F32" s="104" t="s">
        <v>16</v>
      </c>
      <c r="G32" s="99" t="s">
        <v>17</v>
      </c>
      <c r="H32" s="105" t="s">
        <v>18</v>
      </c>
      <c r="I32" s="106" t="s">
        <v>19</v>
      </c>
      <c r="J32" s="107" t="s">
        <v>35</v>
      </c>
      <c r="K32" s="108" t="s">
        <v>36</v>
      </c>
      <c r="L32" s="117"/>
      <c r="M32" s="117"/>
      <c r="N32" s="109"/>
      <c r="O32" s="109"/>
      <c r="P32" s="109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/>
      <c r="BH32" s="110"/>
      <c r="BI32" s="110"/>
      <c r="BJ32" s="110"/>
    </row>
    <row r="33" spans="1:62" s="40" customFormat="1" ht="33" customHeight="1" x14ac:dyDescent="0.25">
      <c r="A33" s="86" t="s">
        <v>0</v>
      </c>
      <c r="B33" s="65"/>
      <c r="C33" s="66"/>
      <c r="D33" s="84"/>
      <c r="E33" s="84"/>
      <c r="F33" s="84"/>
      <c r="G33" s="84"/>
      <c r="H33" s="67"/>
      <c r="I33" s="68"/>
      <c r="J33" s="93"/>
      <c r="K33" s="135" t="s">
        <v>295</v>
      </c>
      <c r="L33" s="97"/>
      <c r="M33" s="97"/>
      <c r="N33" s="50"/>
      <c r="O33" s="50"/>
      <c r="P33" s="50"/>
    </row>
    <row r="34" spans="1:62" s="40" customFormat="1" ht="33" customHeight="1" x14ac:dyDescent="0.25">
      <c r="A34" s="85" t="s">
        <v>12</v>
      </c>
      <c r="B34" s="69"/>
      <c r="C34" s="70"/>
      <c r="D34" s="85"/>
      <c r="E34" s="85"/>
      <c r="F34" s="85"/>
      <c r="G34" s="86"/>
      <c r="H34" s="71"/>
      <c r="I34" s="72"/>
      <c r="J34" s="94"/>
      <c r="K34" s="136"/>
      <c r="L34" s="97"/>
      <c r="M34" s="97"/>
      <c r="N34" s="50"/>
      <c r="O34" s="50"/>
      <c r="P34" s="50"/>
    </row>
    <row r="35" spans="1:62" s="40" customFormat="1" ht="33" customHeight="1" x14ac:dyDescent="0.25">
      <c r="A35" s="87" t="s">
        <v>13</v>
      </c>
      <c r="B35" s="88"/>
      <c r="C35" s="89"/>
      <c r="D35" s="87"/>
      <c r="E35" s="87"/>
      <c r="F35" s="87"/>
      <c r="G35" s="87"/>
      <c r="H35" s="90"/>
      <c r="I35" s="91"/>
      <c r="J35" s="95"/>
      <c r="K35" s="137"/>
      <c r="L35" s="97"/>
      <c r="M35" s="97"/>
      <c r="N35" s="50"/>
      <c r="O35" s="50"/>
      <c r="P35" s="50"/>
    </row>
    <row r="36" spans="1:62" s="45" customFormat="1" ht="33" customHeight="1" x14ac:dyDescent="0.25">
      <c r="A36" s="60"/>
      <c r="B36" s="61"/>
      <c r="C36" s="61"/>
      <c r="D36" s="61"/>
      <c r="E36" s="62"/>
      <c r="F36" s="62"/>
      <c r="G36" s="62"/>
      <c r="H36" s="62"/>
      <c r="I36" s="61"/>
      <c r="J36" s="61"/>
      <c r="K36" s="61"/>
      <c r="L36" s="127"/>
      <c r="M36" s="127"/>
      <c r="O36" s="63"/>
      <c r="P36" s="63"/>
    </row>
    <row r="37" spans="1:62" s="46" customFormat="1" ht="29.25" customHeight="1" x14ac:dyDescent="0.25">
      <c r="A37" s="139" t="s">
        <v>410</v>
      </c>
      <c r="B37" s="139"/>
      <c r="C37" s="139"/>
      <c r="D37" s="139"/>
      <c r="E37" s="139"/>
      <c r="F37" s="139"/>
      <c r="G37" s="139"/>
      <c r="H37" s="139"/>
      <c r="I37" s="139"/>
      <c r="J37" s="139"/>
      <c r="K37" s="139"/>
      <c r="L37" s="64"/>
      <c r="M37" s="64"/>
      <c r="N37" s="64"/>
      <c r="O37" s="64"/>
      <c r="P37" s="64"/>
    </row>
    <row r="38" spans="1:62" s="39" customFormat="1" ht="33" customHeight="1" x14ac:dyDescent="0.25">
      <c r="A38" s="128" t="s">
        <v>24</v>
      </c>
      <c r="B38" s="128" t="s">
        <v>39</v>
      </c>
      <c r="C38" s="128" t="s">
        <v>40</v>
      </c>
      <c r="D38" s="128" t="s">
        <v>30</v>
      </c>
      <c r="E38" s="128" t="s">
        <v>32</v>
      </c>
      <c r="F38" s="128" t="s">
        <v>41</v>
      </c>
      <c r="G38" s="128" t="s">
        <v>42</v>
      </c>
      <c r="H38" s="130" t="s">
        <v>45</v>
      </c>
      <c r="I38" s="131"/>
      <c r="J38" s="131"/>
      <c r="K38" s="132" t="s">
        <v>53</v>
      </c>
      <c r="L38" s="134"/>
      <c r="M38" s="134"/>
      <c r="N38" s="47"/>
      <c r="O38" s="47"/>
      <c r="P38" s="47"/>
    </row>
    <row r="39" spans="1:62" s="39" customFormat="1" ht="22.5" customHeight="1" x14ac:dyDescent="0.25">
      <c r="A39" s="129"/>
      <c r="B39" s="129"/>
      <c r="C39" s="129"/>
      <c r="D39" s="129"/>
      <c r="E39" s="129"/>
      <c r="F39" s="129"/>
      <c r="G39" s="129"/>
      <c r="H39" s="48" t="s">
        <v>26</v>
      </c>
      <c r="I39" s="49" t="s">
        <v>27</v>
      </c>
      <c r="J39" s="92" t="s">
        <v>28</v>
      </c>
      <c r="K39" s="133"/>
      <c r="L39" s="96"/>
      <c r="M39" s="96"/>
      <c r="N39" s="47"/>
      <c r="O39" s="47"/>
      <c r="P39" s="47"/>
    </row>
    <row r="40" spans="1:62" s="111" customFormat="1" ht="14.1" customHeight="1" x14ac:dyDescent="0.25">
      <c r="A40" s="102" t="s">
        <v>0</v>
      </c>
      <c r="B40" s="103" t="s">
        <v>12</v>
      </c>
      <c r="C40" s="103" t="s">
        <v>13</v>
      </c>
      <c r="D40" s="103" t="s">
        <v>14</v>
      </c>
      <c r="E40" s="112" t="s">
        <v>15</v>
      </c>
      <c r="F40" s="104" t="s">
        <v>16</v>
      </c>
      <c r="G40" s="99" t="s">
        <v>17</v>
      </c>
      <c r="H40" s="105" t="s">
        <v>18</v>
      </c>
      <c r="I40" s="106" t="s">
        <v>19</v>
      </c>
      <c r="J40" s="107" t="s">
        <v>35</v>
      </c>
      <c r="K40" s="108" t="s">
        <v>36</v>
      </c>
      <c r="L40" s="117"/>
      <c r="M40" s="117"/>
      <c r="N40" s="109"/>
      <c r="O40" s="109"/>
      <c r="P40" s="109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0"/>
      <c r="AJ40" s="110"/>
      <c r="AK40" s="110"/>
      <c r="AL40" s="110"/>
      <c r="AM40" s="110"/>
      <c r="AN40" s="110"/>
      <c r="AO40" s="110"/>
      <c r="AP40" s="110"/>
      <c r="AQ40" s="110"/>
      <c r="AR40" s="110"/>
      <c r="AS40" s="110"/>
      <c r="AT40" s="110"/>
      <c r="AU40" s="110"/>
      <c r="AV40" s="110"/>
      <c r="AW40" s="110"/>
      <c r="AX40" s="110"/>
      <c r="AY40" s="110"/>
      <c r="AZ40" s="110"/>
      <c r="BA40" s="110"/>
      <c r="BB40" s="110"/>
      <c r="BC40" s="110"/>
      <c r="BD40" s="110"/>
      <c r="BE40" s="110"/>
      <c r="BF40" s="110"/>
      <c r="BG40" s="110"/>
      <c r="BH40" s="110"/>
      <c r="BI40" s="110"/>
      <c r="BJ40" s="110"/>
    </row>
    <row r="41" spans="1:62" s="40" customFormat="1" ht="33" customHeight="1" x14ac:dyDescent="0.25">
      <c r="A41" s="86" t="s">
        <v>0</v>
      </c>
      <c r="B41" s="65"/>
      <c r="C41" s="66"/>
      <c r="D41" s="84"/>
      <c r="E41" s="84"/>
      <c r="F41" s="84"/>
      <c r="G41" s="84"/>
      <c r="H41" s="67"/>
      <c r="I41" s="68"/>
      <c r="J41" s="93"/>
      <c r="K41" s="135" t="s">
        <v>217</v>
      </c>
      <c r="L41" s="97"/>
      <c r="M41" s="97"/>
      <c r="N41" s="50"/>
      <c r="O41" s="50"/>
      <c r="P41" s="50"/>
    </row>
    <row r="42" spans="1:62" s="40" customFormat="1" ht="33" customHeight="1" x14ac:dyDescent="0.25">
      <c r="A42" s="85" t="s">
        <v>12</v>
      </c>
      <c r="B42" s="69"/>
      <c r="C42" s="70"/>
      <c r="D42" s="85"/>
      <c r="E42" s="85"/>
      <c r="F42" s="85"/>
      <c r="G42" s="86"/>
      <c r="H42" s="71"/>
      <c r="I42" s="72"/>
      <c r="J42" s="94"/>
      <c r="K42" s="136"/>
      <c r="L42" s="97"/>
      <c r="M42" s="97"/>
      <c r="N42" s="50"/>
      <c r="O42" s="50"/>
      <c r="P42" s="50"/>
    </row>
    <row r="43" spans="1:62" s="40" customFormat="1" ht="33" customHeight="1" x14ac:dyDescent="0.25">
      <c r="A43" s="87" t="s">
        <v>13</v>
      </c>
      <c r="B43" s="88"/>
      <c r="C43" s="89"/>
      <c r="D43" s="87"/>
      <c r="E43" s="87"/>
      <c r="F43" s="87"/>
      <c r="G43" s="87"/>
      <c r="H43" s="90"/>
      <c r="I43" s="91"/>
      <c r="J43" s="95"/>
      <c r="K43" s="137"/>
      <c r="L43" s="97"/>
      <c r="M43" s="97"/>
      <c r="N43" s="50"/>
      <c r="O43" s="50"/>
      <c r="P43" s="50"/>
    </row>
    <row r="44" spans="1:62" s="13" customFormat="1" ht="15.75" customHeight="1" x14ac:dyDescent="0.2">
      <c r="A44" s="23"/>
      <c r="B44" s="23"/>
      <c r="C44" s="10"/>
      <c r="D44" s="41"/>
      <c r="F44" s="14"/>
      <c r="G44" s="14"/>
      <c r="H44" s="14"/>
      <c r="I44" s="14"/>
      <c r="J44" s="26"/>
      <c r="K44" s="26"/>
      <c r="L44" s="26"/>
      <c r="M44" s="26"/>
    </row>
    <row r="45" spans="1:62" s="46" customFormat="1" ht="29.25" customHeight="1" x14ac:dyDescent="0.25">
      <c r="A45" s="139" t="s">
        <v>411</v>
      </c>
      <c r="B45" s="139"/>
      <c r="C45" s="139"/>
      <c r="D45" s="139"/>
      <c r="E45" s="139"/>
      <c r="F45" s="139"/>
      <c r="G45" s="139"/>
      <c r="H45" s="139"/>
      <c r="I45" s="139"/>
      <c r="J45" s="139"/>
      <c r="K45" s="139"/>
      <c r="L45" s="64"/>
      <c r="M45" s="64"/>
      <c r="N45" s="64"/>
      <c r="O45" s="64"/>
      <c r="P45" s="64"/>
    </row>
    <row r="46" spans="1:62" s="39" customFormat="1" ht="33" customHeight="1" x14ac:dyDescent="0.25">
      <c r="A46" s="128" t="s">
        <v>24</v>
      </c>
      <c r="B46" s="128" t="s">
        <v>39</v>
      </c>
      <c r="C46" s="128" t="s">
        <v>40</v>
      </c>
      <c r="D46" s="128" t="s">
        <v>30</v>
      </c>
      <c r="E46" s="128" t="s">
        <v>32</v>
      </c>
      <c r="F46" s="128" t="s">
        <v>41</v>
      </c>
      <c r="G46" s="128" t="s">
        <v>42</v>
      </c>
      <c r="H46" s="130" t="s">
        <v>45</v>
      </c>
      <c r="I46" s="131"/>
      <c r="J46" s="131"/>
      <c r="K46" s="132" t="s">
        <v>53</v>
      </c>
      <c r="L46" s="134"/>
      <c r="M46" s="134"/>
      <c r="N46" s="47"/>
      <c r="O46" s="47"/>
      <c r="P46" s="47"/>
    </row>
    <row r="47" spans="1:62" s="39" customFormat="1" ht="22.5" customHeight="1" x14ac:dyDescent="0.25">
      <c r="A47" s="129"/>
      <c r="B47" s="129"/>
      <c r="C47" s="129"/>
      <c r="D47" s="129"/>
      <c r="E47" s="129"/>
      <c r="F47" s="129"/>
      <c r="G47" s="129"/>
      <c r="H47" s="48" t="s">
        <v>26</v>
      </c>
      <c r="I47" s="49" t="s">
        <v>27</v>
      </c>
      <c r="J47" s="92" t="s">
        <v>28</v>
      </c>
      <c r="K47" s="133"/>
      <c r="L47" s="96"/>
      <c r="M47" s="96"/>
      <c r="N47" s="47"/>
      <c r="O47" s="47"/>
      <c r="P47" s="47"/>
    </row>
    <row r="48" spans="1:62" s="111" customFormat="1" ht="14.1" customHeight="1" x14ac:dyDescent="0.25">
      <c r="A48" s="102" t="s">
        <v>0</v>
      </c>
      <c r="B48" s="103" t="s">
        <v>12</v>
      </c>
      <c r="C48" s="103" t="s">
        <v>13</v>
      </c>
      <c r="D48" s="103" t="s">
        <v>14</v>
      </c>
      <c r="E48" s="112" t="s">
        <v>15</v>
      </c>
      <c r="F48" s="104" t="s">
        <v>16</v>
      </c>
      <c r="G48" s="99" t="s">
        <v>17</v>
      </c>
      <c r="H48" s="105" t="s">
        <v>18</v>
      </c>
      <c r="I48" s="106" t="s">
        <v>19</v>
      </c>
      <c r="J48" s="107" t="s">
        <v>35</v>
      </c>
      <c r="K48" s="108" t="s">
        <v>36</v>
      </c>
      <c r="L48" s="117"/>
      <c r="M48" s="117"/>
      <c r="N48" s="109"/>
      <c r="O48" s="109"/>
      <c r="P48" s="109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0"/>
      <c r="AN48" s="110"/>
      <c r="AO48" s="110"/>
      <c r="AP48" s="110"/>
      <c r="AQ48" s="110"/>
      <c r="AR48" s="110"/>
      <c r="AS48" s="110"/>
      <c r="AT48" s="110"/>
      <c r="AU48" s="110"/>
      <c r="AV48" s="110"/>
      <c r="AW48" s="110"/>
      <c r="AX48" s="110"/>
      <c r="AY48" s="110"/>
      <c r="AZ48" s="110"/>
      <c r="BA48" s="110"/>
      <c r="BB48" s="110"/>
      <c r="BC48" s="110"/>
      <c r="BD48" s="110"/>
      <c r="BE48" s="110"/>
      <c r="BF48" s="110"/>
      <c r="BG48" s="110"/>
      <c r="BH48" s="110"/>
      <c r="BI48" s="110"/>
      <c r="BJ48" s="110"/>
    </row>
    <row r="49" spans="1:62" s="40" customFormat="1" ht="33" customHeight="1" x14ac:dyDescent="0.25">
      <c r="A49" s="86" t="s">
        <v>0</v>
      </c>
      <c r="B49" s="65"/>
      <c r="C49" s="66"/>
      <c r="D49" s="84"/>
      <c r="E49" s="84"/>
      <c r="F49" s="84"/>
      <c r="G49" s="84"/>
      <c r="H49" s="67"/>
      <c r="I49" s="68"/>
      <c r="J49" s="93"/>
      <c r="K49" s="135" t="s">
        <v>419</v>
      </c>
      <c r="L49" s="97"/>
      <c r="M49" s="97"/>
      <c r="N49" s="50"/>
      <c r="O49" s="50"/>
      <c r="P49" s="50"/>
    </row>
    <row r="50" spans="1:62" s="40" customFormat="1" ht="33" customHeight="1" x14ac:dyDescent="0.25">
      <c r="A50" s="85" t="s">
        <v>12</v>
      </c>
      <c r="B50" s="69"/>
      <c r="C50" s="70"/>
      <c r="D50" s="85"/>
      <c r="E50" s="85"/>
      <c r="F50" s="85"/>
      <c r="G50" s="86"/>
      <c r="H50" s="71"/>
      <c r="I50" s="72"/>
      <c r="J50" s="94"/>
      <c r="K50" s="136"/>
      <c r="L50" s="97"/>
      <c r="M50" s="97"/>
      <c r="N50" s="50"/>
      <c r="O50" s="50"/>
      <c r="P50" s="50"/>
    </row>
    <row r="51" spans="1:62" s="40" customFormat="1" ht="33" customHeight="1" x14ac:dyDescent="0.25">
      <c r="A51" s="87" t="s">
        <v>13</v>
      </c>
      <c r="B51" s="88"/>
      <c r="C51" s="89"/>
      <c r="D51" s="87"/>
      <c r="E51" s="87"/>
      <c r="F51" s="87"/>
      <c r="G51" s="87"/>
      <c r="H51" s="90"/>
      <c r="I51" s="91"/>
      <c r="J51" s="95"/>
      <c r="K51" s="137"/>
      <c r="L51" s="97"/>
      <c r="M51" s="97"/>
      <c r="N51" s="50"/>
      <c r="O51" s="50"/>
      <c r="P51" s="50"/>
    </row>
    <row r="52" spans="1:62" s="45" customFormat="1" ht="33" customHeight="1" x14ac:dyDescent="0.25">
      <c r="A52" s="60"/>
      <c r="B52" s="61"/>
      <c r="C52" s="61"/>
      <c r="D52" s="61"/>
      <c r="E52" s="62"/>
      <c r="F52" s="62"/>
      <c r="G52" s="62"/>
      <c r="H52" s="62"/>
      <c r="I52" s="61"/>
      <c r="J52" s="61"/>
      <c r="K52" s="61"/>
      <c r="L52" s="127"/>
      <c r="M52" s="127"/>
      <c r="O52" s="63"/>
      <c r="P52" s="63"/>
    </row>
    <row r="53" spans="1:62" s="46" customFormat="1" ht="29.25" customHeight="1" x14ac:dyDescent="0.25">
      <c r="A53" s="139" t="s">
        <v>412</v>
      </c>
      <c r="B53" s="139"/>
      <c r="C53" s="139"/>
      <c r="D53" s="139"/>
      <c r="E53" s="139"/>
      <c r="F53" s="139"/>
      <c r="G53" s="139"/>
      <c r="H53" s="139"/>
      <c r="I53" s="139"/>
      <c r="J53" s="139"/>
      <c r="K53" s="139"/>
      <c r="L53" s="64"/>
      <c r="M53" s="64"/>
      <c r="N53" s="64"/>
      <c r="O53" s="64"/>
      <c r="P53" s="64"/>
    </row>
    <row r="54" spans="1:62" s="39" customFormat="1" ht="33" customHeight="1" x14ac:dyDescent="0.25">
      <c r="A54" s="128" t="s">
        <v>24</v>
      </c>
      <c r="B54" s="128" t="s">
        <v>39</v>
      </c>
      <c r="C54" s="128" t="s">
        <v>40</v>
      </c>
      <c r="D54" s="128" t="s">
        <v>30</v>
      </c>
      <c r="E54" s="128" t="s">
        <v>32</v>
      </c>
      <c r="F54" s="128" t="s">
        <v>41</v>
      </c>
      <c r="G54" s="128" t="s">
        <v>42</v>
      </c>
      <c r="H54" s="130" t="s">
        <v>45</v>
      </c>
      <c r="I54" s="131"/>
      <c r="J54" s="131"/>
      <c r="K54" s="132" t="s">
        <v>53</v>
      </c>
      <c r="L54" s="134"/>
      <c r="M54" s="134"/>
      <c r="N54" s="47"/>
      <c r="O54" s="47"/>
      <c r="P54" s="47"/>
    </row>
    <row r="55" spans="1:62" s="39" customFormat="1" ht="22.5" customHeight="1" x14ac:dyDescent="0.25">
      <c r="A55" s="129"/>
      <c r="B55" s="129"/>
      <c r="C55" s="129"/>
      <c r="D55" s="129"/>
      <c r="E55" s="129"/>
      <c r="F55" s="129"/>
      <c r="G55" s="129"/>
      <c r="H55" s="48" t="s">
        <v>26</v>
      </c>
      <c r="I55" s="49" t="s">
        <v>27</v>
      </c>
      <c r="J55" s="92" t="s">
        <v>28</v>
      </c>
      <c r="K55" s="133"/>
      <c r="L55" s="96"/>
      <c r="M55" s="96"/>
      <c r="N55" s="47"/>
      <c r="O55" s="47"/>
      <c r="P55" s="47"/>
    </row>
    <row r="56" spans="1:62" s="111" customFormat="1" ht="14.1" customHeight="1" x14ac:dyDescent="0.25">
      <c r="A56" s="102" t="s">
        <v>0</v>
      </c>
      <c r="B56" s="103" t="s">
        <v>12</v>
      </c>
      <c r="C56" s="103" t="s">
        <v>13</v>
      </c>
      <c r="D56" s="103" t="s">
        <v>14</v>
      </c>
      <c r="E56" s="112" t="s">
        <v>15</v>
      </c>
      <c r="F56" s="104" t="s">
        <v>16</v>
      </c>
      <c r="G56" s="99" t="s">
        <v>17</v>
      </c>
      <c r="H56" s="105" t="s">
        <v>18</v>
      </c>
      <c r="I56" s="106" t="s">
        <v>19</v>
      </c>
      <c r="J56" s="107" t="s">
        <v>35</v>
      </c>
      <c r="K56" s="108" t="s">
        <v>36</v>
      </c>
      <c r="L56" s="117"/>
      <c r="M56" s="117"/>
      <c r="N56" s="109"/>
      <c r="O56" s="109"/>
      <c r="P56" s="109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0"/>
      <c r="AN56" s="110"/>
      <c r="AO56" s="110"/>
      <c r="AP56" s="110"/>
      <c r="AQ56" s="110"/>
      <c r="AR56" s="110"/>
      <c r="AS56" s="110"/>
      <c r="AT56" s="110"/>
      <c r="AU56" s="110"/>
      <c r="AV56" s="110"/>
      <c r="AW56" s="110"/>
      <c r="AX56" s="110"/>
      <c r="AY56" s="110"/>
      <c r="AZ56" s="110"/>
      <c r="BA56" s="110"/>
      <c r="BB56" s="110"/>
      <c r="BC56" s="110"/>
      <c r="BD56" s="110"/>
      <c r="BE56" s="110"/>
      <c r="BF56" s="110"/>
      <c r="BG56" s="110"/>
      <c r="BH56" s="110"/>
      <c r="BI56" s="110"/>
      <c r="BJ56" s="110"/>
    </row>
    <row r="57" spans="1:62" s="40" customFormat="1" ht="33" customHeight="1" x14ac:dyDescent="0.25">
      <c r="A57" s="86" t="s">
        <v>0</v>
      </c>
      <c r="B57" s="65"/>
      <c r="C57" s="66"/>
      <c r="D57" s="84"/>
      <c r="E57" s="84"/>
      <c r="F57" s="84"/>
      <c r="G57" s="84"/>
      <c r="H57" s="67"/>
      <c r="I57" s="68"/>
      <c r="J57" s="93"/>
      <c r="K57" s="135" t="s">
        <v>419</v>
      </c>
      <c r="L57" s="97"/>
      <c r="M57" s="97"/>
      <c r="N57" s="50"/>
      <c r="O57" s="50"/>
      <c r="P57" s="50"/>
    </row>
    <row r="58" spans="1:62" s="40" customFormat="1" ht="33" customHeight="1" x14ac:dyDescent="0.25">
      <c r="A58" s="85" t="s">
        <v>12</v>
      </c>
      <c r="B58" s="69"/>
      <c r="C58" s="70"/>
      <c r="D58" s="85"/>
      <c r="E58" s="85"/>
      <c r="F58" s="85"/>
      <c r="G58" s="86"/>
      <c r="H58" s="71"/>
      <c r="I58" s="72"/>
      <c r="J58" s="94"/>
      <c r="K58" s="136"/>
      <c r="L58" s="97"/>
      <c r="M58" s="97"/>
      <c r="N58" s="50"/>
      <c r="O58" s="50"/>
      <c r="P58" s="50"/>
    </row>
    <row r="59" spans="1:62" s="40" customFormat="1" ht="33" customHeight="1" x14ac:dyDescent="0.25">
      <c r="A59" s="87" t="s">
        <v>13</v>
      </c>
      <c r="B59" s="88"/>
      <c r="C59" s="89"/>
      <c r="D59" s="87"/>
      <c r="E59" s="87"/>
      <c r="F59" s="87"/>
      <c r="G59" s="87"/>
      <c r="H59" s="90"/>
      <c r="I59" s="91"/>
      <c r="J59" s="95"/>
      <c r="K59" s="137"/>
      <c r="L59" s="97"/>
      <c r="M59" s="97"/>
      <c r="N59" s="50"/>
      <c r="O59" s="50"/>
      <c r="P59" s="50"/>
    </row>
    <row r="60" spans="1:62" s="45" customFormat="1" ht="33" customHeight="1" x14ac:dyDescent="0.25">
      <c r="A60" s="60"/>
      <c r="B60" s="61"/>
      <c r="C60" s="61"/>
      <c r="D60" s="61"/>
      <c r="E60" s="62"/>
      <c r="F60" s="62"/>
      <c r="G60" s="62"/>
      <c r="H60" s="62"/>
      <c r="I60" s="61"/>
      <c r="J60" s="61"/>
      <c r="K60" s="61"/>
      <c r="L60" s="127"/>
      <c r="M60" s="127"/>
      <c r="O60" s="63"/>
      <c r="P60" s="63"/>
    </row>
    <row r="61" spans="1:62" s="46" customFormat="1" ht="29.25" customHeight="1" x14ac:dyDescent="0.25">
      <c r="A61" s="139" t="s">
        <v>413</v>
      </c>
      <c r="B61" s="139"/>
      <c r="C61" s="139"/>
      <c r="D61" s="139"/>
      <c r="E61" s="139"/>
      <c r="F61" s="139"/>
      <c r="G61" s="139"/>
      <c r="H61" s="139"/>
      <c r="I61" s="139"/>
      <c r="J61" s="139"/>
      <c r="K61" s="139"/>
      <c r="L61" s="64"/>
      <c r="M61" s="64"/>
      <c r="N61" s="64"/>
      <c r="O61" s="64"/>
      <c r="P61" s="64"/>
    </row>
    <row r="62" spans="1:62" s="39" customFormat="1" ht="33" customHeight="1" x14ac:dyDescent="0.25">
      <c r="A62" s="128" t="s">
        <v>24</v>
      </c>
      <c r="B62" s="128" t="s">
        <v>39</v>
      </c>
      <c r="C62" s="128" t="s">
        <v>40</v>
      </c>
      <c r="D62" s="128" t="s">
        <v>30</v>
      </c>
      <c r="E62" s="128" t="s">
        <v>32</v>
      </c>
      <c r="F62" s="128" t="s">
        <v>41</v>
      </c>
      <c r="G62" s="128" t="s">
        <v>42</v>
      </c>
      <c r="H62" s="130" t="s">
        <v>45</v>
      </c>
      <c r="I62" s="131"/>
      <c r="J62" s="131"/>
      <c r="K62" s="132" t="s">
        <v>53</v>
      </c>
      <c r="L62" s="134"/>
      <c r="M62" s="134"/>
      <c r="N62" s="47"/>
      <c r="O62" s="47"/>
      <c r="P62" s="47"/>
    </row>
    <row r="63" spans="1:62" s="39" customFormat="1" ht="22.5" customHeight="1" x14ac:dyDescent="0.25">
      <c r="A63" s="129"/>
      <c r="B63" s="129"/>
      <c r="C63" s="129"/>
      <c r="D63" s="129"/>
      <c r="E63" s="129"/>
      <c r="F63" s="129"/>
      <c r="G63" s="129"/>
      <c r="H63" s="48" t="s">
        <v>26</v>
      </c>
      <c r="I63" s="49" t="s">
        <v>27</v>
      </c>
      <c r="J63" s="92" t="s">
        <v>28</v>
      </c>
      <c r="K63" s="133"/>
      <c r="L63" s="96"/>
      <c r="M63" s="96"/>
      <c r="N63" s="47"/>
      <c r="O63" s="47"/>
      <c r="P63" s="47"/>
    </row>
    <row r="64" spans="1:62" s="111" customFormat="1" ht="14.1" customHeight="1" x14ac:dyDescent="0.25">
      <c r="A64" s="102" t="s">
        <v>0</v>
      </c>
      <c r="B64" s="103" t="s">
        <v>12</v>
      </c>
      <c r="C64" s="103" t="s">
        <v>13</v>
      </c>
      <c r="D64" s="103" t="s">
        <v>14</v>
      </c>
      <c r="E64" s="112" t="s">
        <v>15</v>
      </c>
      <c r="F64" s="104" t="s">
        <v>16</v>
      </c>
      <c r="G64" s="99" t="s">
        <v>17</v>
      </c>
      <c r="H64" s="105" t="s">
        <v>18</v>
      </c>
      <c r="I64" s="106" t="s">
        <v>19</v>
      </c>
      <c r="J64" s="107" t="s">
        <v>35</v>
      </c>
      <c r="K64" s="108" t="s">
        <v>36</v>
      </c>
      <c r="L64" s="117"/>
      <c r="M64" s="117"/>
      <c r="N64" s="109"/>
      <c r="O64" s="109"/>
      <c r="P64" s="109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0"/>
      <c r="AN64" s="110"/>
      <c r="AO64" s="110"/>
      <c r="AP64" s="110"/>
      <c r="AQ64" s="110"/>
      <c r="AR64" s="110"/>
      <c r="AS64" s="110"/>
      <c r="AT64" s="110"/>
      <c r="AU64" s="110"/>
      <c r="AV64" s="110"/>
      <c r="AW64" s="110"/>
      <c r="AX64" s="110"/>
      <c r="AY64" s="110"/>
      <c r="AZ64" s="110"/>
      <c r="BA64" s="110"/>
      <c r="BB64" s="110"/>
      <c r="BC64" s="110"/>
      <c r="BD64" s="110"/>
      <c r="BE64" s="110"/>
      <c r="BF64" s="110"/>
      <c r="BG64" s="110"/>
      <c r="BH64" s="110"/>
      <c r="BI64" s="110"/>
      <c r="BJ64" s="110"/>
    </row>
    <row r="65" spans="1:62" s="40" customFormat="1" ht="33" customHeight="1" x14ac:dyDescent="0.25">
      <c r="A65" s="86" t="s">
        <v>0</v>
      </c>
      <c r="B65" s="65"/>
      <c r="C65" s="66"/>
      <c r="D65" s="84"/>
      <c r="E65" s="84"/>
      <c r="F65" s="84"/>
      <c r="G65" s="84"/>
      <c r="H65" s="67"/>
      <c r="I65" s="68"/>
      <c r="J65" s="93"/>
      <c r="K65" s="135" t="s">
        <v>295</v>
      </c>
      <c r="L65" s="97"/>
      <c r="M65" s="97"/>
      <c r="N65" s="50"/>
      <c r="O65" s="50"/>
      <c r="P65" s="50"/>
    </row>
    <row r="66" spans="1:62" s="40" customFormat="1" ht="33" customHeight="1" x14ac:dyDescent="0.25">
      <c r="A66" s="85" t="s">
        <v>12</v>
      </c>
      <c r="B66" s="69"/>
      <c r="C66" s="70"/>
      <c r="D66" s="85"/>
      <c r="E66" s="85"/>
      <c r="F66" s="85"/>
      <c r="G66" s="86"/>
      <c r="H66" s="71"/>
      <c r="I66" s="72"/>
      <c r="J66" s="94"/>
      <c r="K66" s="136"/>
      <c r="L66" s="97"/>
      <c r="M66" s="97"/>
      <c r="N66" s="50"/>
      <c r="O66" s="50"/>
      <c r="P66" s="50"/>
    </row>
    <row r="67" spans="1:62" s="40" customFormat="1" ht="33" customHeight="1" x14ac:dyDescent="0.25">
      <c r="A67" s="87" t="s">
        <v>13</v>
      </c>
      <c r="B67" s="88"/>
      <c r="C67" s="89"/>
      <c r="D67" s="87"/>
      <c r="E67" s="87"/>
      <c r="F67" s="87"/>
      <c r="G67" s="87"/>
      <c r="H67" s="90"/>
      <c r="I67" s="91"/>
      <c r="J67" s="95"/>
      <c r="K67" s="137"/>
      <c r="L67" s="97"/>
      <c r="M67" s="97"/>
      <c r="N67" s="50"/>
      <c r="O67" s="50"/>
      <c r="P67" s="50"/>
    </row>
    <row r="68" spans="1:62" s="13" customFormat="1" ht="15.75" customHeight="1" x14ac:dyDescent="0.2">
      <c r="A68" s="23"/>
      <c r="B68" s="23"/>
      <c r="C68" s="10"/>
      <c r="D68" s="41"/>
      <c r="F68" s="14"/>
      <c r="G68" s="14"/>
      <c r="H68" s="14"/>
      <c r="I68" s="14"/>
      <c r="J68" s="26"/>
      <c r="K68" s="26"/>
      <c r="L68" s="26"/>
      <c r="M68" s="26"/>
    </row>
    <row r="69" spans="1:62" s="46" customFormat="1" ht="29.25" customHeight="1" x14ac:dyDescent="0.25">
      <c r="A69" s="139" t="s">
        <v>414</v>
      </c>
      <c r="B69" s="139"/>
      <c r="C69" s="139"/>
      <c r="D69" s="139"/>
      <c r="E69" s="139"/>
      <c r="F69" s="139"/>
      <c r="G69" s="139"/>
      <c r="H69" s="139"/>
      <c r="I69" s="139"/>
      <c r="J69" s="139"/>
      <c r="K69" s="139"/>
      <c r="L69" s="64"/>
      <c r="M69" s="64"/>
      <c r="N69" s="64"/>
      <c r="O69" s="64"/>
      <c r="P69" s="64"/>
    </row>
    <row r="70" spans="1:62" s="39" customFormat="1" ht="33" customHeight="1" x14ac:dyDescent="0.25">
      <c r="A70" s="128" t="s">
        <v>24</v>
      </c>
      <c r="B70" s="128" t="s">
        <v>39</v>
      </c>
      <c r="C70" s="128" t="s">
        <v>40</v>
      </c>
      <c r="D70" s="128" t="s">
        <v>30</v>
      </c>
      <c r="E70" s="128" t="s">
        <v>32</v>
      </c>
      <c r="F70" s="128" t="s">
        <v>41</v>
      </c>
      <c r="G70" s="128" t="s">
        <v>42</v>
      </c>
      <c r="H70" s="130" t="s">
        <v>45</v>
      </c>
      <c r="I70" s="131"/>
      <c r="J70" s="131"/>
      <c r="K70" s="132" t="s">
        <v>53</v>
      </c>
      <c r="L70" s="134"/>
      <c r="M70" s="134"/>
      <c r="N70" s="47"/>
      <c r="O70" s="47"/>
      <c r="P70" s="47"/>
    </row>
    <row r="71" spans="1:62" s="39" customFormat="1" ht="22.5" customHeight="1" x14ac:dyDescent="0.25">
      <c r="A71" s="129"/>
      <c r="B71" s="129"/>
      <c r="C71" s="129"/>
      <c r="D71" s="129"/>
      <c r="E71" s="129"/>
      <c r="F71" s="129"/>
      <c r="G71" s="129"/>
      <c r="H71" s="48" t="s">
        <v>26</v>
      </c>
      <c r="I71" s="49" t="s">
        <v>27</v>
      </c>
      <c r="J71" s="92" t="s">
        <v>28</v>
      </c>
      <c r="K71" s="133"/>
      <c r="L71" s="96"/>
      <c r="M71" s="96"/>
      <c r="N71" s="47"/>
      <c r="O71" s="47"/>
      <c r="P71" s="47"/>
    </row>
    <row r="72" spans="1:62" s="111" customFormat="1" ht="14.1" customHeight="1" x14ac:dyDescent="0.25">
      <c r="A72" s="102" t="s">
        <v>0</v>
      </c>
      <c r="B72" s="103" t="s">
        <v>12</v>
      </c>
      <c r="C72" s="103" t="s">
        <v>13</v>
      </c>
      <c r="D72" s="103" t="s">
        <v>14</v>
      </c>
      <c r="E72" s="112" t="s">
        <v>15</v>
      </c>
      <c r="F72" s="104" t="s">
        <v>16</v>
      </c>
      <c r="G72" s="99" t="s">
        <v>17</v>
      </c>
      <c r="H72" s="105" t="s">
        <v>18</v>
      </c>
      <c r="I72" s="106" t="s">
        <v>19</v>
      </c>
      <c r="J72" s="107" t="s">
        <v>35</v>
      </c>
      <c r="K72" s="108" t="s">
        <v>36</v>
      </c>
      <c r="L72" s="117"/>
      <c r="M72" s="117"/>
      <c r="N72" s="109"/>
      <c r="O72" s="109"/>
      <c r="P72" s="109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0"/>
      <c r="AP72" s="110"/>
      <c r="AQ72" s="110"/>
      <c r="AR72" s="110"/>
      <c r="AS72" s="110"/>
      <c r="AT72" s="110"/>
      <c r="AU72" s="110"/>
      <c r="AV72" s="110"/>
      <c r="AW72" s="110"/>
      <c r="AX72" s="110"/>
      <c r="AY72" s="110"/>
      <c r="AZ72" s="110"/>
      <c r="BA72" s="110"/>
      <c r="BB72" s="110"/>
      <c r="BC72" s="110"/>
      <c r="BD72" s="110"/>
      <c r="BE72" s="110"/>
      <c r="BF72" s="110"/>
      <c r="BG72" s="110"/>
      <c r="BH72" s="110"/>
      <c r="BI72" s="110"/>
      <c r="BJ72" s="110"/>
    </row>
    <row r="73" spans="1:62" s="40" customFormat="1" ht="33" customHeight="1" x14ac:dyDescent="0.25">
      <c r="A73" s="86" t="s">
        <v>0</v>
      </c>
      <c r="B73" s="65"/>
      <c r="C73" s="66"/>
      <c r="D73" s="84"/>
      <c r="E73" s="84"/>
      <c r="F73" s="84"/>
      <c r="G73" s="84"/>
      <c r="H73" s="67"/>
      <c r="I73" s="68"/>
      <c r="J73" s="93"/>
      <c r="K73" s="135" t="s">
        <v>419</v>
      </c>
      <c r="L73" s="97"/>
      <c r="M73" s="97"/>
      <c r="N73" s="50"/>
      <c r="O73" s="50"/>
      <c r="P73" s="50"/>
    </row>
    <row r="74" spans="1:62" s="40" customFormat="1" ht="33" customHeight="1" x14ac:dyDescent="0.25">
      <c r="A74" s="85" t="s">
        <v>12</v>
      </c>
      <c r="B74" s="69"/>
      <c r="C74" s="70"/>
      <c r="D74" s="85"/>
      <c r="E74" s="85"/>
      <c r="F74" s="85"/>
      <c r="G74" s="86"/>
      <c r="H74" s="71"/>
      <c r="I74" s="72"/>
      <c r="J74" s="94"/>
      <c r="K74" s="136"/>
      <c r="L74" s="97"/>
      <c r="M74" s="97"/>
      <c r="N74" s="50"/>
      <c r="O74" s="50"/>
      <c r="P74" s="50"/>
    </row>
    <row r="75" spans="1:62" s="40" customFormat="1" ht="33" customHeight="1" x14ac:dyDescent="0.25">
      <c r="A75" s="87" t="s">
        <v>13</v>
      </c>
      <c r="B75" s="88"/>
      <c r="C75" s="89"/>
      <c r="D75" s="87"/>
      <c r="E75" s="87"/>
      <c r="F75" s="87"/>
      <c r="G75" s="87"/>
      <c r="H75" s="90"/>
      <c r="I75" s="91"/>
      <c r="J75" s="95"/>
      <c r="K75" s="137"/>
      <c r="L75" s="97"/>
      <c r="M75" s="97"/>
      <c r="N75" s="50"/>
      <c r="O75" s="50"/>
      <c r="P75" s="50"/>
    </row>
    <row r="76" spans="1:62" s="45" customFormat="1" ht="33" customHeight="1" x14ac:dyDescent="0.25">
      <c r="A76" s="60"/>
      <c r="B76" s="61"/>
      <c r="C76" s="61"/>
      <c r="D76" s="61"/>
      <c r="E76" s="62"/>
      <c r="F76" s="62"/>
      <c r="G76" s="62"/>
      <c r="H76" s="62"/>
      <c r="I76" s="61"/>
      <c r="J76" s="61"/>
      <c r="K76" s="61"/>
      <c r="L76" s="127"/>
      <c r="M76" s="127"/>
      <c r="O76" s="63"/>
      <c r="P76" s="63"/>
    </row>
    <row r="77" spans="1:62" s="46" customFormat="1" ht="29.25" customHeight="1" x14ac:dyDescent="0.25">
      <c r="A77" s="139" t="s">
        <v>415</v>
      </c>
      <c r="B77" s="139"/>
      <c r="C77" s="139"/>
      <c r="D77" s="139"/>
      <c r="E77" s="139"/>
      <c r="F77" s="139"/>
      <c r="G77" s="139"/>
      <c r="H77" s="139"/>
      <c r="I77" s="139"/>
      <c r="J77" s="139"/>
      <c r="K77" s="139"/>
      <c r="L77" s="64"/>
      <c r="M77" s="64"/>
      <c r="N77" s="64"/>
      <c r="O77" s="64"/>
      <c r="P77" s="64"/>
    </row>
    <row r="78" spans="1:62" s="39" customFormat="1" ht="33" customHeight="1" x14ac:dyDescent="0.25">
      <c r="A78" s="128" t="s">
        <v>24</v>
      </c>
      <c r="B78" s="128" t="s">
        <v>39</v>
      </c>
      <c r="C78" s="128" t="s">
        <v>40</v>
      </c>
      <c r="D78" s="128" t="s">
        <v>30</v>
      </c>
      <c r="E78" s="128" t="s">
        <v>32</v>
      </c>
      <c r="F78" s="128" t="s">
        <v>41</v>
      </c>
      <c r="G78" s="128" t="s">
        <v>42</v>
      </c>
      <c r="H78" s="130" t="s">
        <v>45</v>
      </c>
      <c r="I78" s="131"/>
      <c r="J78" s="131"/>
      <c r="K78" s="132" t="s">
        <v>53</v>
      </c>
      <c r="L78" s="134"/>
      <c r="M78" s="134"/>
      <c r="N78" s="47"/>
      <c r="O78" s="47"/>
      <c r="P78" s="47"/>
    </row>
    <row r="79" spans="1:62" s="39" customFormat="1" ht="22.5" customHeight="1" x14ac:dyDescent="0.25">
      <c r="A79" s="129"/>
      <c r="B79" s="129"/>
      <c r="C79" s="129"/>
      <c r="D79" s="129"/>
      <c r="E79" s="129"/>
      <c r="F79" s="129"/>
      <c r="G79" s="129"/>
      <c r="H79" s="48" t="s">
        <v>26</v>
      </c>
      <c r="I79" s="49" t="s">
        <v>27</v>
      </c>
      <c r="J79" s="92" t="s">
        <v>28</v>
      </c>
      <c r="K79" s="133"/>
      <c r="L79" s="96"/>
      <c r="M79" s="96"/>
      <c r="N79" s="47"/>
      <c r="O79" s="47"/>
      <c r="P79" s="47"/>
    </row>
    <row r="80" spans="1:62" s="111" customFormat="1" ht="14.1" customHeight="1" x14ac:dyDescent="0.25">
      <c r="A80" s="102" t="s">
        <v>0</v>
      </c>
      <c r="B80" s="103" t="s">
        <v>12</v>
      </c>
      <c r="C80" s="103" t="s">
        <v>13</v>
      </c>
      <c r="D80" s="103" t="s">
        <v>14</v>
      </c>
      <c r="E80" s="112" t="s">
        <v>15</v>
      </c>
      <c r="F80" s="104" t="s">
        <v>16</v>
      </c>
      <c r="G80" s="99" t="s">
        <v>17</v>
      </c>
      <c r="H80" s="105" t="s">
        <v>18</v>
      </c>
      <c r="I80" s="106" t="s">
        <v>19</v>
      </c>
      <c r="J80" s="107" t="s">
        <v>35</v>
      </c>
      <c r="K80" s="108" t="s">
        <v>36</v>
      </c>
      <c r="L80" s="117"/>
      <c r="M80" s="117"/>
      <c r="N80" s="109"/>
      <c r="O80" s="109"/>
      <c r="P80" s="109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0"/>
      <c r="AP80" s="110"/>
      <c r="AQ80" s="110"/>
      <c r="AR80" s="110"/>
      <c r="AS80" s="110"/>
      <c r="AT80" s="110"/>
      <c r="AU80" s="110"/>
      <c r="AV80" s="110"/>
      <c r="AW80" s="110"/>
      <c r="AX80" s="110"/>
      <c r="AY80" s="110"/>
      <c r="AZ80" s="110"/>
      <c r="BA80" s="110"/>
      <c r="BB80" s="110"/>
      <c r="BC80" s="110"/>
      <c r="BD80" s="110"/>
      <c r="BE80" s="110"/>
      <c r="BF80" s="110"/>
      <c r="BG80" s="110"/>
      <c r="BH80" s="110"/>
      <c r="BI80" s="110"/>
      <c r="BJ80" s="110"/>
    </row>
    <row r="81" spans="1:62" s="40" customFormat="1" ht="33" customHeight="1" x14ac:dyDescent="0.25">
      <c r="A81" s="86" t="s">
        <v>0</v>
      </c>
      <c r="B81" s="65"/>
      <c r="C81" s="66"/>
      <c r="D81" s="84"/>
      <c r="E81" s="84"/>
      <c r="F81" s="84"/>
      <c r="G81" s="84"/>
      <c r="H81" s="67"/>
      <c r="I81" s="68"/>
      <c r="J81" s="93"/>
      <c r="K81" s="135" t="s">
        <v>165</v>
      </c>
      <c r="L81" s="97"/>
      <c r="M81" s="97"/>
      <c r="N81" s="50"/>
      <c r="O81" s="50"/>
      <c r="P81" s="50"/>
    </row>
    <row r="82" spans="1:62" s="40" customFormat="1" ht="33" customHeight="1" x14ac:dyDescent="0.25">
      <c r="A82" s="85" t="s">
        <v>12</v>
      </c>
      <c r="B82" s="69"/>
      <c r="C82" s="70"/>
      <c r="D82" s="85"/>
      <c r="E82" s="85"/>
      <c r="F82" s="85"/>
      <c r="G82" s="86"/>
      <c r="H82" s="71"/>
      <c r="I82" s="72"/>
      <c r="J82" s="94"/>
      <c r="K82" s="136"/>
      <c r="L82" s="97"/>
      <c r="M82" s="97"/>
      <c r="N82" s="50"/>
      <c r="O82" s="50"/>
      <c r="P82" s="50"/>
    </row>
    <row r="83" spans="1:62" s="40" customFormat="1" ht="33" customHeight="1" x14ac:dyDescent="0.25">
      <c r="A83" s="87" t="s">
        <v>13</v>
      </c>
      <c r="B83" s="88"/>
      <c r="C83" s="89"/>
      <c r="D83" s="87"/>
      <c r="E83" s="87"/>
      <c r="F83" s="87"/>
      <c r="G83" s="87"/>
      <c r="H83" s="90"/>
      <c r="I83" s="91"/>
      <c r="J83" s="95"/>
      <c r="K83" s="137"/>
      <c r="L83" s="97"/>
      <c r="M83" s="97"/>
      <c r="N83" s="50"/>
      <c r="O83" s="50"/>
      <c r="P83" s="50"/>
    </row>
    <row r="84" spans="1:62" s="13" customFormat="1" ht="15.75" customHeight="1" x14ac:dyDescent="0.2">
      <c r="A84" s="23"/>
      <c r="B84" s="23"/>
      <c r="C84" s="10"/>
      <c r="D84" s="41"/>
      <c r="F84" s="14"/>
      <c r="G84" s="14"/>
      <c r="H84" s="14"/>
      <c r="I84" s="14"/>
      <c r="J84" s="26"/>
      <c r="K84" s="26"/>
      <c r="L84" s="26"/>
      <c r="M84" s="26"/>
    </row>
    <row r="85" spans="1:62" s="46" customFormat="1" ht="29.25" customHeight="1" x14ac:dyDescent="0.25">
      <c r="A85" s="139" t="s">
        <v>416</v>
      </c>
      <c r="B85" s="139"/>
      <c r="C85" s="139"/>
      <c r="D85" s="139"/>
      <c r="E85" s="139"/>
      <c r="F85" s="139"/>
      <c r="G85" s="139"/>
      <c r="H85" s="139"/>
      <c r="I85" s="139"/>
      <c r="J85" s="139"/>
      <c r="K85" s="139"/>
      <c r="L85" s="64"/>
      <c r="M85" s="64"/>
      <c r="N85" s="64"/>
      <c r="O85" s="64"/>
      <c r="P85" s="64"/>
    </row>
    <row r="86" spans="1:62" s="39" customFormat="1" ht="33" customHeight="1" x14ac:dyDescent="0.25">
      <c r="A86" s="128" t="s">
        <v>24</v>
      </c>
      <c r="B86" s="128" t="s">
        <v>39</v>
      </c>
      <c r="C86" s="128" t="s">
        <v>40</v>
      </c>
      <c r="D86" s="128" t="s">
        <v>30</v>
      </c>
      <c r="E86" s="128" t="s">
        <v>32</v>
      </c>
      <c r="F86" s="128" t="s">
        <v>41</v>
      </c>
      <c r="G86" s="128" t="s">
        <v>42</v>
      </c>
      <c r="H86" s="130" t="s">
        <v>45</v>
      </c>
      <c r="I86" s="131"/>
      <c r="J86" s="131"/>
      <c r="K86" s="132" t="s">
        <v>53</v>
      </c>
      <c r="L86" s="134"/>
      <c r="M86" s="134"/>
      <c r="N86" s="47"/>
      <c r="O86" s="47"/>
      <c r="P86" s="47"/>
    </row>
    <row r="87" spans="1:62" s="39" customFormat="1" ht="22.5" customHeight="1" x14ac:dyDescent="0.25">
      <c r="A87" s="129"/>
      <c r="B87" s="129"/>
      <c r="C87" s="129"/>
      <c r="D87" s="129"/>
      <c r="E87" s="129"/>
      <c r="F87" s="129"/>
      <c r="G87" s="129"/>
      <c r="H87" s="48" t="s">
        <v>26</v>
      </c>
      <c r="I87" s="49" t="s">
        <v>27</v>
      </c>
      <c r="J87" s="92" t="s">
        <v>28</v>
      </c>
      <c r="K87" s="133"/>
      <c r="L87" s="96"/>
      <c r="M87" s="96"/>
      <c r="N87" s="47"/>
      <c r="O87" s="47"/>
      <c r="P87" s="47"/>
    </row>
    <row r="88" spans="1:62" s="111" customFormat="1" ht="14.1" customHeight="1" x14ac:dyDescent="0.25">
      <c r="A88" s="102" t="s">
        <v>0</v>
      </c>
      <c r="B88" s="103" t="s">
        <v>12</v>
      </c>
      <c r="C88" s="103" t="s">
        <v>13</v>
      </c>
      <c r="D88" s="103" t="s">
        <v>14</v>
      </c>
      <c r="E88" s="112" t="s">
        <v>15</v>
      </c>
      <c r="F88" s="104" t="s">
        <v>16</v>
      </c>
      <c r="G88" s="99" t="s">
        <v>17</v>
      </c>
      <c r="H88" s="105" t="s">
        <v>18</v>
      </c>
      <c r="I88" s="106" t="s">
        <v>19</v>
      </c>
      <c r="J88" s="107" t="s">
        <v>35</v>
      </c>
      <c r="K88" s="108" t="s">
        <v>36</v>
      </c>
      <c r="L88" s="117"/>
      <c r="M88" s="117"/>
      <c r="N88" s="109"/>
      <c r="O88" s="109"/>
      <c r="P88" s="109"/>
      <c r="Q88" s="110"/>
      <c r="R88" s="110"/>
      <c r="S88" s="110"/>
      <c r="T88" s="110"/>
      <c r="U88" s="110"/>
      <c r="V88" s="110"/>
      <c r="W88" s="110"/>
      <c r="X88" s="110"/>
      <c r="Y88" s="110"/>
      <c r="Z88" s="110"/>
      <c r="AA88" s="110"/>
      <c r="AB88" s="110"/>
      <c r="AC88" s="110"/>
      <c r="AD88" s="110"/>
      <c r="AE88" s="110"/>
      <c r="AF88" s="110"/>
      <c r="AG88" s="110"/>
      <c r="AH88" s="110"/>
      <c r="AI88" s="110"/>
      <c r="AJ88" s="110"/>
      <c r="AK88" s="110"/>
      <c r="AL88" s="110"/>
      <c r="AM88" s="110"/>
      <c r="AN88" s="110"/>
      <c r="AO88" s="110"/>
      <c r="AP88" s="110"/>
      <c r="AQ88" s="110"/>
      <c r="AR88" s="110"/>
      <c r="AS88" s="110"/>
      <c r="AT88" s="110"/>
      <c r="AU88" s="110"/>
      <c r="AV88" s="110"/>
      <c r="AW88" s="110"/>
      <c r="AX88" s="110"/>
      <c r="AY88" s="110"/>
      <c r="AZ88" s="110"/>
      <c r="BA88" s="110"/>
      <c r="BB88" s="110"/>
      <c r="BC88" s="110"/>
      <c r="BD88" s="110"/>
      <c r="BE88" s="110"/>
      <c r="BF88" s="110"/>
      <c r="BG88" s="110"/>
      <c r="BH88" s="110"/>
      <c r="BI88" s="110"/>
      <c r="BJ88" s="110"/>
    </row>
    <row r="89" spans="1:62" s="40" customFormat="1" ht="33" customHeight="1" x14ac:dyDescent="0.25">
      <c r="A89" s="86" t="s">
        <v>0</v>
      </c>
      <c r="B89" s="65"/>
      <c r="C89" s="66"/>
      <c r="D89" s="84"/>
      <c r="E89" s="84"/>
      <c r="F89" s="84"/>
      <c r="G89" s="84"/>
      <c r="H89" s="67"/>
      <c r="I89" s="68"/>
      <c r="J89" s="93"/>
      <c r="K89" s="135" t="s">
        <v>165</v>
      </c>
      <c r="L89" s="97"/>
      <c r="M89" s="97"/>
      <c r="N89" s="50"/>
      <c r="O89" s="50"/>
      <c r="P89" s="50"/>
    </row>
    <row r="90" spans="1:62" s="40" customFormat="1" ht="33" customHeight="1" x14ac:dyDescent="0.25">
      <c r="A90" s="85" t="s">
        <v>12</v>
      </c>
      <c r="B90" s="69"/>
      <c r="C90" s="70"/>
      <c r="D90" s="85"/>
      <c r="E90" s="85"/>
      <c r="F90" s="85"/>
      <c r="G90" s="86"/>
      <c r="H90" s="71"/>
      <c r="I90" s="72"/>
      <c r="J90" s="94"/>
      <c r="K90" s="136"/>
      <c r="L90" s="97"/>
      <c r="M90" s="97"/>
      <c r="N90" s="50"/>
      <c r="O90" s="50"/>
      <c r="P90" s="50"/>
    </row>
    <row r="91" spans="1:62" s="40" customFormat="1" ht="33" customHeight="1" x14ac:dyDescent="0.25">
      <c r="A91" s="87" t="s">
        <v>13</v>
      </c>
      <c r="B91" s="88"/>
      <c r="C91" s="89"/>
      <c r="D91" s="87"/>
      <c r="E91" s="87"/>
      <c r="F91" s="87"/>
      <c r="G91" s="87"/>
      <c r="H91" s="90"/>
      <c r="I91" s="91"/>
      <c r="J91" s="95"/>
      <c r="K91" s="137"/>
      <c r="L91" s="97"/>
      <c r="M91" s="97"/>
      <c r="N91" s="50"/>
      <c r="O91" s="50"/>
      <c r="P91" s="50"/>
    </row>
    <row r="92" spans="1:62" s="45" customFormat="1" ht="33" customHeight="1" x14ac:dyDescent="0.25">
      <c r="A92" s="60"/>
      <c r="B92" s="61"/>
      <c r="C92" s="61"/>
      <c r="D92" s="61"/>
      <c r="E92" s="62"/>
      <c r="F92" s="62"/>
      <c r="G92" s="62"/>
      <c r="H92" s="62"/>
      <c r="I92" s="61"/>
      <c r="J92" s="61"/>
      <c r="K92" s="61"/>
      <c r="L92" s="127"/>
      <c r="M92" s="127"/>
      <c r="O92" s="63"/>
      <c r="P92" s="63"/>
    </row>
    <row r="93" spans="1:62" s="46" customFormat="1" ht="29.25" customHeight="1" x14ac:dyDescent="0.25">
      <c r="A93" s="139" t="s">
        <v>417</v>
      </c>
      <c r="B93" s="139"/>
      <c r="C93" s="139"/>
      <c r="D93" s="139"/>
      <c r="E93" s="139"/>
      <c r="F93" s="139"/>
      <c r="G93" s="139"/>
      <c r="H93" s="139"/>
      <c r="I93" s="139"/>
      <c r="J93" s="139"/>
      <c r="K93" s="139"/>
      <c r="L93" s="64"/>
      <c r="M93" s="64"/>
      <c r="N93" s="64"/>
      <c r="O93" s="64"/>
      <c r="P93" s="64"/>
    </row>
    <row r="94" spans="1:62" s="39" customFormat="1" ht="33" customHeight="1" x14ac:dyDescent="0.25">
      <c r="A94" s="128" t="s">
        <v>24</v>
      </c>
      <c r="B94" s="128" t="s">
        <v>39</v>
      </c>
      <c r="C94" s="128" t="s">
        <v>40</v>
      </c>
      <c r="D94" s="128" t="s">
        <v>30</v>
      </c>
      <c r="E94" s="128" t="s">
        <v>32</v>
      </c>
      <c r="F94" s="128" t="s">
        <v>41</v>
      </c>
      <c r="G94" s="128" t="s">
        <v>42</v>
      </c>
      <c r="H94" s="130" t="s">
        <v>45</v>
      </c>
      <c r="I94" s="131"/>
      <c r="J94" s="131"/>
      <c r="K94" s="132" t="s">
        <v>53</v>
      </c>
      <c r="L94" s="134"/>
      <c r="M94" s="134"/>
      <c r="N94" s="47"/>
      <c r="O94" s="47"/>
      <c r="P94" s="47"/>
    </row>
    <row r="95" spans="1:62" s="39" customFormat="1" ht="22.5" customHeight="1" x14ac:dyDescent="0.25">
      <c r="A95" s="129"/>
      <c r="B95" s="129"/>
      <c r="C95" s="129"/>
      <c r="D95" s="129"/>
      <c r="E95" s="129"/>
      <c r="F95" s="129"/>
      <c r="G95" s="129"/>
      <c r="H95" s="48" t="s">
        <v>26</v>
      </c>
      <c r="I95" s="49" t="s">
        <v>27</v>
      </c>
      <c r="J95" s="92" t="s">
        <v>28</v>
      </c>
      <c r="K95" s="133"/>
      <c r="L95" s="96"/>
      <c r="M95" s="96"/>
      <c r="N95" s="47"/>
      <c r="O95" s="47"/>
      <c r="P95" s="47"/>
    </row>
    <row r="96" spans="1:62" s="111" customFormat="1" ht="14.1" customHeight="1" x14ac:dyDescent="0.25">
      <c r="A96" s="102" t="s">
        <v>0</v>
      </c>
      <c r="B96" s="103" t="s">
        <v>12</v>
      </c>
      <c r="C96" s="103" t="s">
        <v>13</v>
      </c>
      <c r="D96" s="103" t="s">
        <v>14</v>
      </c>
      <c r="E96" s="112" t="s">
        <v>15</v>
      </c>
      <c r="F96" s="104" t="s">
        <v>16</v>
      </c>
      <c r="G96" s="99" t="s">
        <v>17</v>
      </c>
      <c r="H96" s="105" t="s">
        <v>18</v>
      </c>
      <c r="I96" s="106" t="s">
        <v>19</v>
      </c>
      <c r="J96" s="107" t="s">
        <v>35</v>
      </c>
      <c r="K96" s="108" t="s">
        <v>36</v>
      </c>
      <c r="L96" s="117"/>
      <c r="M96" s="117"/>
      <c r="N96" s="109"/>
      <c r="O96" s="109"/>
      <c r="P96" s="109"/>
      <c r="Q96" s="110"/>
      <c r="R96" s="110"/>
      <c r="S96" s="110"/>
      <c r="T96" s="110"/>
      <c r="U96" s="110"/>
      <c r="V96" s="110"/>
      <c r="W96" s="110"/>
      <c r="X96" s="110"/>
      <c r="Y96" s="110"/>
      <c r="Z96" s="110"/>
      <c r="AA96" s="110"/>
      <c r="AB96" s="110"/>
      <c r="AC96" s="110"/>
      <c r="AD96" s="110"/>
      <c r="AE96" s="110"/>
      <c r="AF96" s="110"/>
      <c r="AG96" s="110"/>
      <c r="AH96" s="110"/>
      <c r="AI96" s="110"/>
      <c r="AJ96" s="110"/>
      <c r="AK96" s="110"/>
      <c r="AL96" s="110"/>
      <c r="AM96" s="110"/>
      <c r="AN96" s="110"/>
      <c r="AO96" s="110"/>
      <c r="AP96" s="110"/>
      <c r="AQ96" s="110"/>
      <c r="AR96" s="110"/>
      <c r="AS96" s="110"/>
      <c r="AT96" s="110"/>
      <c r="AU96" s="110"/>
      <c r="AV96" s="110"/>
      <c r="AW96" s="110"/>
      <c r="AX96" s="110"/>
      <c r="AY96" s="110"/>
      <c r="AZ96" s="110"/>
      <c r="BA96" s="110"/>
      <c r="BB96" s="110"/>
      <c r="BC96" s="110"/>
      <c r="BD96" s="110"/>
      <c r="BE96" s="110"/>
      <c r="BF96" s="110"/>
      <c r="BG96" s="110"/>
      <c r="BH96" s="110"/>
      <c r="BI96" s="110"/>
      <c r="BJ96" s="110"/>
    </row>
    <row r="97" spans="1:62" s="40" customFormat="1" ht="33" customHeight="1" x14ac:dyDescent="0.25">
      <c r="A97" s="86" t="s">
        <v>0</v>
      </c>
      <c r="B97" s="65"/>
      <c r="C97" s="66"/>
      <c r="D97" s="84"/>
      <c r="E97" s="84"/>
      <c r="F97" s="84"/>
      <c r="G97" s="84"/>
      <c r="H97" s="67"/>
      <c r="I97" s="68"/>
      <c r="J97" s="93"/>
      <c r="K97" s="135" t="s">
        <v>173</v>
      </c>
      <c r="L97" s="97"/>
      <c r="M97" s="97"/>
      <c r="N97" s="50"/>
      <c r="O97" s="50"/>
      <c r="P97" s="50"/>
    </row>
    <row r="98" spans="1:62" s="40" customFormat="1" ht="33" customHeight="1" x14ac:dyDescent="0.25">
      <c r="A98" s="85" t="s">
        <v>12</v>
      </c>
      <c r="B98" s="69"/>
      <c r="C98" s="70"/>
      <c r="D98" s="85"/>
      <c r="E98" s="85"/>
      <c r="F98" s="85"/>
      <c r="G98" s="86"/>
      <c r="H98" s="71"/>
      <c r="I98" s="72"/>
      <c r="J98" s="94"/>
      <c r="K98" s="136"/>
      <c r="L98" s="97"/>
      <c r="M98" s="97"/>
      <c r="N98" s="50"/>
      <c r="O98" s="50"/>
      <c r="P98" s="50"/>
    </row>
    <row r="99" spans="1:62" s="40" customFormat="1" ht="33" customHeight="1" x14ac:dyDescent="0.25">
      <c r="A99" s="87" t="s">
        <v>13</v>
      </c>
      <c r="B99" s="88"/>
      <c r="C99" s="89"/>
      <c r="D99" s="87"/>
      <c r="E99" s="87"/>
      <c r="F99" s="87"/>
      <c r="G99" s="87"/>
      <c r="H99" s="90"/>
      <c r="I99" s="91"/>
      <c r="J99" s="95"/>
      <c r="K99" s="137"/>
      <c r="L99" s="97"/>
      <c r="M99" s="97"/>
      <c r="N99" s="50"/>
      <c r="O99" s="50"/>
      <c r="P99" s="50"/>
    </row>
    <row r="100" spans="1:62" s="13" customFormat="1" ht="15.75" customHeight="1" x14ac:dyDescent="0.2">
      <c r="A100" s="23"/>
      <c r="B100" s="23"/>
      <c r="C100" s="10"/>
      <c r="D100" s="41"/>
      <c r="F100" s="14"/>
      <c r="G100" s="14"/>
      <c r="H100" s="14"/>
      <c r="I100" s="14"/>
      <c r="J100" s="26"/>
      <c r="K100" s="26"/>
      <c r="L100" s="26"/>
      <c r="M100" s="26"/>
    </row>
    <row r="101" spans="1:62" s="46" customFormat="1" ht="29.25" customHeight="1" x14ac:dyDescent="0.25">
      <c r="A101" s="139" t="s">
        <v>418</v>
      </c>
      <c r="B101" s="139"/>
      <c r="C101" s="139"/>
      <c r="D101" s="139"/>
      <c r="E101" s="139"/>
      <c r="F101" s="139"/>
      <c r="G101" s="139"/>
      <c r="H101" s="139"/>
      <c r="I101" s="139"/>
      <c r="J101" s="139"/>
      <c r="K101" s="139"/>
      <c r="L101" s="64"/>
      <c r="M101" s="64"/>
      <c r="N101" s="64"/>
      <c r="O101" s="64"/>
      <c r="P101" s="64"/>
    </row>
    <row r="102" spans="1:62" s="39" customFormat="1" ht="33" customHeight="1" x14ac:dyDescent="0.25">
      <c r="A102" s="128" t="s">
        <v>24</v>
      </c>
      <c r="B102" s="128" t="s">
        <v>39</v>
      </c>
      <c r="C102" s="128" t="s">
        <v>40</v>
      </c>
      <c r="D102" s="128" t="s">
        <v>30</v>
      </c>
      <c r="E102" s="128" t="s">
        <v>32</v>
      </c>
      <c r="F102" s="128" t="s">
        <v>41</v>
      </c>
      <c r="G102" s="128" t="s">
        <v>42</v>
      </c>
      <c r="H102" s="130" t="s">
        <v>45</v>
      </c>
      <c r="I102" s="131"/>
      <c r="J102" s="131"/>
      <c r="K102" s="132" t="s">
        <v>53</v>
      </c>
      <c r="L102" s="134"/>
      <c r="M102" s="134"/>
      <c r="N102" s="47"/>
      <c r="O102" s="47"/>
      <c r="P102" s="47"/>
    </row>
    <row r="103" spans="1:62" s="39" customFormat="1" ht="22.5" customHeight="1" x14ac:dyDescent="0.25">
      <c r="A103" s="129"/>
      <c r="B103" s="129"/>
      <c r="C103" s="129"/>
      <c r="D103" s="129"/>
      <c r="E103" s="129"/>
      <c r="F103" s="129"/>
      <c r="G103" s="129"/>
      <c r="H103" s="48" t="s">
        <v>26</v>
      </c>
      <c r="I103" s="49" t="s">
        <v>27</v>
      </c>
      <c r="J103" s="92" t="s">
        <v>28</v>
      </c>
      <c r="K103" s="133"/>
      <c r="L103" s="96"/>
      <c r="M103" s="96"/>
      <c r="N103" s="47"/>
      <c r="O103" s="47"/>
      <c r="P103" s="47"/>
    </row>
    <row r="104" spans="1:62" s="111" customFormat="1" ht="14.1" customHeight="1" x14ac:dyDescent="0.25">
      <c r="A104" s="102" t="s">
        <v>0</v>
      </c>
      <c r="B104" s="103" t="s">
        <v>12</v>
      </c>
      <c r="C104" s="103" t="s">
        <v>13</v>
      </c>
      <c r="D104" s="103" t="s">
        <v>14</v>
      </c>
      <c r="E104" s="112" t="s">
        <v>15</v>
      </c>
      <c r="F104" s="104" t="s">
        <v>16</v>
      </c>
      <c r="G104" s="99" t="s">
        <v>17</v>
      </c>
      <c r="H104" s="105" t="s">
        <v>18</v>
      </c>
      <c r="I104" s="106" t="s">
        <v>19</v>
      </c>
      <c r="J104" s="107" t="s">
        <v>35</v>
      </c>
      <c r="K104" s="108" t="s">
        <v>36</v>
      </c>
      <c r="L104" s="117"/>
      <c r="M104" s="117"/>
      <c r="N104" s="109"/>
      <c r="O104" s="109"/>
      <c r="P104" s="109"/>
      <c r="Q104" s="110"/>
      <c r="R104" s="110"/>
      <c r="S104" s="110"/>
      <c r="T104" s="110"/>
      <c r="U104" s="110"/>
      <c r="V104" s="110"/>
      <c r="W104" s="110"/>
      <c r="X104" s="110"/>
      <c r="Y104" s="110"/>
      <c r="Z104" s="110"/>
      <c r="AA104" s="110"/>
      <c r="AB104" s="110"/>
      <c r="AC104" s="110"/>
      <c r="AD104" s="110"/>
      <c r="AE104" s="110"/>
      <c r="AF104" s="110"/>
      <c r="AG104" s="110"/>
      <c r="AH104" s="110"/>
      <c r="AI104" s="110"/>
      <c r="AJ104" s="110"/>
      <c r="AK104" s="110"/>
      <c r="AL104" s="110"/>
      <c r="AM104" s="110"/>
      <c r="AN104" s="110"/>
      <c r="AO104" s="110"/>
      <c r="AP104" s="110"/>
      <c r="AQ104" s="110"/>
      <c r="AR104" s="110"/>
      <c r="AS104" s="110"/>
      <c r="AT104" s="110"/>
      <c r="AU104" s="110"/>
      <c r="AV104" s="110"/>
      <c r="AW104" s="110"/>
      <c r="AX104" s="110"/>
      <c r="AY104" s="110"/>
      <c r="AZ104" s="110"/>
      <c r="BA104" s="110"/>
      <c r="BB104" s="110"/>
      <c r="BC104" s="110"/>
      <c r="BD104" s="110"/>
      <c r="BE104" s="110"/>
      <c r="BF104" s="110"/>
      <c r="BG104" s="110"/>
      <c r="BH104" s="110"/>
      <c r="BI104" s="110"/>
      <c r="BJ104" s="110"/>
    </row>
    <row r="105" spans="1:62" s="40" customFormat="1" ht="33" customHeight="1" x14ac:dyDescent="0.25">
      <c r="A105" s="86" t="s">
        <v>0</v>
      </c>
      <c r="B105" s="65"/>
      <c r="C105" s="66"/>
      <c r="D105" s="84"/>
      <c r="E105" s="84"/>
      <c r="F105" s="84"/>
      <c r="G105" s="84"/>
      <c r="H105" s="67"/>
      <c r="I105" s="68"/>
      <c r="J105" s="93"/>
      <c r="K105" s="135" t="s">
        <v>173</v>
      </c>
      <c r="L105" s="97"/>
      <c r="M105" s="97"/>
      <c r="N105" s="50"/>
      <c r="O105" s="50"/>
      <c r="P105" s="50"/>
    </row>
    <row r="106" spans="1:62" s="40" customFormat="1" ht="33" customHeight="1" x14ac:dyDescent="0.25">
      <c r="A106" s="85" t="s">
        <v>12</v>
      </c>
      <c r="B106" s="69"/>
      <c r="C106" s="70"/>
      <c r="D106" s="85"/>
      <c r="E106" s="85"/>
      <c r="F106" s="85"/>
      <c r="G106" s="86"/>
      <c r="H106" s="71"/>
      <c r="I106" s="72"/>
      <c r="J106" s="94"/>
      <c r="K106" s="136"/>
      <c r="L106" s="97"/>
      <c r="M106" s="97"/>
      <c r="N106" s="50"/>
      <c r="O106" s="50"/>
      <c r="P106" s="50"/>
    </row>
    <row r="107" spans="1:62" s="40" customFormat="1" ht="33" customHeight="1" x14ac:dyDescent="0.25">
      <c r="A107" s="87" t="s">
        <v>13</v>
      </c>
      <c r="B107" s="88"/>
      <c r="C107" s="89"/>
      <c r="D107" s="87"/>
      <c r="E107" s="87"/>
      <c r="F107" s="87"/>
      <c r="G107" s="87"/>
      <c r="H107" s="90"/>
      <c r="I107" s="91"/>
      <c r="J107" s="95"/>
      <c r="K107" s="137"/>
      <c r="L107" s="97"/>
      <c r="M107" s="97"/>
      <c r="N107" s="50"/>
      <c r="O107" s="50"/>
      <c r="P107" s="50"/>
    </row>
    <row r="108" spans="1:62" s="13" customFormat="1" ht="15.75" customHeight="1" x14ac:dyDescent="0.2">
      <c r="A108" s="23"/>
      <c r="B108" s="23"/>
      <c r="C108" s="10"/>
      <c r="D108" s="41"/>
      <c r="F108" s="14"/>
      <c r="G108" s="14"/>
      <c r="H108" s="14"/>
      <c r="I108" s="14"/>
      <c r="J108" s="26"/>
      <c r="K108" s="26"/>
      <c r="L108" s="26"/>
      <c r="M108" s="26"/>
    </row>
    <row r="109" spans="1:62" s="40" customFormat="1" ht="33" customHeight="1" x14ac:dyDescent="0.25">
      <c r="A109" s="73"/>
      <c r="B109" s="74"/>
      <c r="C109" s="74"/>
      <c r="D109" s="73"/>
      <c r="E109" s="73"/>
      <c r="F109" s="73"/>
      <c r="G109" s="73"/>
      <c r="H109" s="75"/>
      <c r="I109" s="76"/>
      <c r="J109" s="75"/>
      <c r="K109" s="120"/>
      <c r="L109" s="97"/>
      <c r="M109" s="97"/>
      <c r="N109" s="50"/>
      <c r="O109" s="50"/>
      <c r="P109" s="50"/>
    </row>
    <row r="110" spans="1:62" s="18" customFormat="1" ht="20.100000000000001" customHeight="1" x14ac:dyDescent="0.2">
      <c r="A110" s="42" t="s">
        <v>3</v>
      </c>
      <c r="B110" s="42"/>
      <c r="C110" s="141"/>
      <c r="D110" s="141"/>
      <c r="E110" s="25"/>
      <c r="F110" s="17"/>
      <c r="G110" s="17"/>
      <c r="H110" s="17"/>
      <c r="I110" s="17"/>
      <c r="J110" s="17"/>
      <c r="K110" s="26"/>
      <c r="L110" s="26"/>
    </row>
    <row r="111" spans="1:62" s="18" customFormat="1" ht="20.100000000000001" customHeight="1" x14ac:dyDescent="0.2">
      <c r="A111" s="42" t="s">
        <v>4</v>
      </c>
      <c r="B111" s="42"/>
      <c r="C111" s="140"/>
      <c r="D111" s="140"/>
      <c r="E111" s="20"/>
      <c r="F111" s="17"/>
      <c r="G111" s="17"/>
      <c r="H111" s="17"/>
      <c r="I111" s="17"/>
      <c r="J111" s="17"/>
      <c r="K111" s="21"/>
      <c r="L111" s="22"/>
    </row>
    <row r="112" spans="1:62" s="18" customFormat="1" ht="20.100000000000001" customHeight="1" x14ac:dyDescent="0.2">
      <c r="A112" s="42" t="s">
        <v>5</v>
      </c>
      <c r="B112" s="42"/>
      <c r="C112" s="140"/>
      <c r="D112" s="140"/>
      <c r="E112" s="20"/>
      <c r="F112" s="17"/>
      <c r="G112" s="17"/>
      <c r="H112" s="17"/>
      <c r="I112" s="17"/>
      <c r="J112" s="17"/>
      <c r="K112" s="21"/>
      <c r="L112" s="22"/>
    </row>
    <row r="113" spans="1:13" s="18" customFormat="1" ht="20.100000000000001" customHeight="1" x14ac:dyDescent="0.25">
      <c r="A113" s="42"/>
      <c r="B113" s="42"/>
      <c r="C113" s="42"/>
      <c r="D113" s="19"/>
      <c r="E113" s="20"/>
      <c r="F113" s="17"/>
      <c r="G113" s="17"/>
      <c r="H113" s="17"/>
      <c r="I113" s="17"/>
      <c r="J113" s="17"/>
      <c r="K113" s="21"/>
      <c r="L113" s="22"/>
    </row>
    <row r="114" spans="1:13" s="18" customFormat="1" ht="20.100000000000001" customHeight="1" x14ac:dyDescent="0.2">
      <c r="A114" s="42" t="s">
        <v>6</v>
      </c>
      <c r="B114" s="42"/>
      <c r="C114" s="141"/>
      <c r="D114" s="141"/>
      <c r="E114" s="20"/>
      <c r="F114" s="17"/>
      <c r="G114" s="17"/>
      <c r="H114" s="17"/>
      <c r="I114" s="17"/>
      <c r="J114" s="17"/>
      <c r="K114" s="21"/>
      <c r="L114" s="22"/>
    </row>
    <row r="115" spans="1:13" s="18" customFormat="1" ht="20.100000000000001" customHeight="1" x14ac:dyDescent="0.2">
      <c r="A115" s="42" t="s">
        <v>7</v>
      </c>
      <c r="B115" s="42"/>
      <c r="C115" s="140"/>
      <c r="D115" s="140"/>
      <c r="E115" s="20"/>
      <c r="F115" s="17"/>
      <c r="G115" s="27" t="s">
        <v>20</v>
      </c>
      <c r="H115" s="151"/>
      <c r="I115" s="151"/>
      <c r="J115" s="17"/>
      <c r="K115" s="21"/>
      <c r="L115" s="22"/>
    </row>
    <row r="116" spans="1:13" s="18" customFormat="1" ht="20.100000000000001" customHeight="1" x14ac:dyDescent="0.2">
      <c r="A116" s="42" t="s">
        <v>8</v>
      </c>
      <c r="B116" s="42"/>
      <c r="C116" s="140"/>
      <c r="D116" s="140"/>
      <c r="E116" s="20"/>
      <c r="F116" s="17"/>
      <c r="G116" s="28"/>
      <c r="H116" s="29"/>
      <c r="I116" s="29"/>
    </row>
    <row r="117" spans="1:13" s="18" customFormat="1" ht="20.100000000000001" customHeight="1" x14ac:dyDescent="0.25">
      <c r="A117" s="19"/>
      <c r="B117" s="19"/>
      <c r="C117" s="19"/>
      <c r="D117" s="20"/>
      <c r="E117" s="20"/>
      <c r="F117" s="17"/>
      <c r="G117" s="30" t="s">
        <v>21</v>
      </c>
      <c r="H117" s="152"/>
      <c r="I117" s="152"/>
    </row>
    <row r="118" spans="1:13" s="18" customFormat="1" ht="20.100000000000001" customHeight="1" x14ac:dyDescent="0.25">
      <c r="A118" s="19"/>
      <c r="B118" s="19"/>
      <c r="C118" s="19"/>
      <c r="D118" s="20"/>
      <c r="E118" s="20"/>
      <c r="F118" s="17"/>
      <c r="G118" s="30" t="s">
        <v>22</v>
      </c>
      <c r="H118" s="150"/>
      <c r="I118" s="150"/>
    </row>
    <row r="119" spans="1:13" s="13" customFormat="1" ht="20.100000000000001" customHeight="1" x14ac:dyDescent="0.2">
      <c r="A119" s="10" t="s">
        <v>2</v>
      </c>
      <c r="B119" s="140"/>
      <c r="C119" s="140"/>
      <c r="D119" s="11"/>
      <c r="E119" s="11"/>
      <c r="F119" s="14"/>
      <c r="G119" s="31" t="s">
        <v>23</v>
      </c>
      <c r="H119" s="28"/>
      <c r="I119" s="32"/>
      <c r="M119" s="10"/>
    </row>
    <row r="120" spans="1:13" s="13" customFormat="1" ht="20.100000000000001" customHeight="1" x14ac:dyDescent="0.2">
      <c r="A120" s="10" t="s">
        <v>1</v>
      </c>
      <c r="B120" s="149"/>
      <c r="C120" s="149"/>
      <c r="D120" s="11"/>
      <c r="E120" s="11"/>
      <c r="F120" s="14"/>
      <c r="G120" s="14"/>
      <c r="H120" s="14"/>
      <c r="I120" s="14"/>
      <c r="M120" s="10"/>
    </row>
    <row r="121" spans="1:13" s="13" customFormat="1" x14ac:dyDescent="0.2">
      <c r="A121" s="10"/>
      <c r="B121" s="10"/>
      <c r="C121" s="10"/>
      <c r="D121" s="11"/>
      <c r="E121" s="11"/>
      <c r="F121" s="14"/>
      <c r="G121" s="14"/>
      <c r="H121" s="14"/>
      <c r="I121" s="14"/>
      <c r="J121" s="14"/>
      <c r="K121" s="12"/>
      <c r="L121" s="10"/>
      <c r="M121" s="10"/>
    </row>
    <row r="122" spans="1:13" s="13" customFormat="1" ht="15" customHeight="1" x14ac:dyDescent="0.2">
      <c r="A122" s="10"/>
      <c r="B122" s="10"/>
      <c r="D122" s="11"/>
      <c r="E122" s="11"/>
      <c r="F122" s="14"/>
      <c r="G122" s="14"/>
      <c r="H122" s="14"/>
      <c r="I122" s="14"/>
      <c r="J122" s="14"/>
      <c r="K122" s="12"/>
      <c r="L122" s="10"/>
      <c r="M122" s="10"/>
    </row>
    <row r="123" spans="1:13" s="2" customFormat="1" x14ac:dyDescent="0.2">
      <c r="A123" s="148" t="s">
        <v>10</v>
      </c>
      <c r="B123" s="148"/>
      <c r="D123" s="3"/>
      <c r="E123" s="3"/>
      <c r="F123" s="4"/>
      <c r="G123" s="4"/>
      <c r="H123" s="4"/>
      <c r="I123" s="4"/>
      <c r="J123" s="4"/>
      <c r="K123" s="15"/>
    </row>
    <row r="124" spans="1:13" ht="14.25" x14ac:dyDescent="0.2">
      <c r="A124" s="33"/>
      <c r="B124" s="34" t="s">
        <v>11</v>
      </c>
    </row>
    <row r="125" spans="1:13" ht="6.75" customHeight="1" x14ac:dyDescent="0.2">
      <c r="A125" s="35"/>
      <c r="B125" s="36"/>
    </row>
  </sheetData>
  <mergeCells count="15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21:K21"/>
    <mergeCell ref="A22:A23"/>
    <mergeCell ref="B22:B23"/>
    <mergeCell ref="C22:C23"/>
    <mergeCell ref="D22:D23"/>
    <mergeCell ref="E22:E23"/>
    <mergeCell ref="F22:F23"/>
    <mergeCell ref="G22:G23"/>
    <mergeCell ref="F30:F31"/>
    <mergeCell ref="G30:G31"/>
    <mergeCell ref="H30:J30"/>
    <mergeCell ref="K30:K31"/>
    <mergeCell ref="L30:M30"/>
    <mergeCell ref="K33:K35"/>
    <mergeCell ref="H22:J22"/>
    <mergeCell ref="K22:K23"/>
    <mergeCell ref="L22:M22"/>
    <mergeCell ref="K25:K27"/>
    <mergeCell ref="A29:K29"/>
    <mergeCell ref="A30:A31"/>
    <mergeCell ref="B30:B31"/>
    <mergeCell ref="C30:C31"/>
    <mergeCell ref="D30:D31"/>
    <mergeCell ref="E30:E31"/>
    <mergeCell ref="A37:K37"/>
    <mergeCell ref="A38:A39"/>
    <mergeCell ref="B38:B39"/>
    <mergeCell ref="C38:C39"/>
    <mergeCell ref="D38:D39"/>
    <mergeCell ref="E38:E39"/>
    <mergeCell ref="F38:F39"/>
    <mergeCell ref="G38:G39"/>
    <mergeCell ref="H38:J38"/>
    <mergeCell ref="K38:K39"/>
    <mergeCell ref="L38:M38"/>
    <mergeCell ref="K41:K43"/>
    <mergeCell ref="A45:K45"/>
    <mergeCell ref="A46:A47"/>
    <mergeCell ref="B46:B47"/>
    <mergeCell ref="C46:C47"/>
    <mergeCell ref="D46:D47"/>
    <mergeCell ref="E46:E47"/>
    <mergeCell ref="F46:F47"/>
    <mergeCell ref="G46:G47"/>
    <mergeCell ref="F54:F55"/>
    <mergeCell ref="G54:G55"/>
    <mergeCell ref="H54:J54"/>
    <mergeCell ref="K54:K55"/>
    <mergeCell ref="L54:M54"/>
    <mergeCell ref="K57:K59"/>
    <mergeCell ref="H46:J46"/>
    <mergeCell ref="K46:K47"/>
    <mergeCell ref="L46:M46"/>
    <mergeCell ref="K49:K51"/>
    <mergeCell ref="A53:K53"/>
    <mergeCell ref="A54:A55"/>
    <mergeCell ref="B54:B55"/>
    <mergeCell ref="C54:C55"/>
    <mergeCell ref="D54:D55"/>
    <mergeCell ref="E54:E55"/>
    <mergeCell ref="A61:K61"/>
    <mergeCell ref="A62:A63"/>
    <mergeCell ref="B62:B63"/>
    <mergeCell ref="C62:C63"/>
    <mergeCell ref="D62:D63"/>
    <mergeCell ref="E62:E63"/>
    <mergeCell ref="F62:F63"/>
    <mergeCell ref="G62:G63"/>
    <mergeCell ref="H62:J62"/>
    <mergeCell ref="K62:K63"/>
    <mergeCell ref="L62:M62"/>
    <mergeCell ref="K65:K67"/>
    <mergeCell ref="A69:K69"/>
    <mergeCell ref="A70:A71"/>
    <mergeCell ref="B70:B71"/>
    <mergeCell ref="C70:C71"/>
    <mergeCell ref="D70:D71"/>
    <mergeCell ref="E70:E71"/>
    <mergeCell ref="F70:F71"/>
    <mergeCell ref="G70:G71"/>
    <mergeCell ref="F78:F79"/>
    <mergeCell ref="G78:G79"/>
    <mergeCell ref="H78:J78"/>
    <mergeCell ref="K78:K79"/>
    <mergeCell ref="L78:M78"/>
    <mergeCell ref="K81:K83"/>
    <mergeCell ref="H70:J70"/>
    <mergeCell ref="K70:K71"/>
    <mergeCell ref="L70:M70"/>
    <mergeCell ref="K73:K75"/>
    <mergeCell ref="A77:K77"/>
    <mergeCell ref="A78:A79"/>
    <mergeCell ref="B78:B79"/>
    <mergeCell ref="C78:C79"/>
    <mergeCell ref="D78:D79"/>
    <mergeCell ref="E78:E79"/>
    <mergeCell ref="A85:K85"/>
    <mergeCell ref="A86:A87"/>
    <mergeCell ref="B86:B87"/>
    <mergeCell ref="C86:C87"/>
    <mergeCell ref="D86:D87"/>
    <mergeCell ref="E86:E87"/>
    <mergeCell ref="F86:F87"/>
    <mergeCell ref="G86:G87"/>
    <mergeCell ref="H86:J86"/>
    <mergeCell ref="K86:K87"/>
    <mergeCell ref="L86:M86"/>
    <mergeCell ref="K89:K91"/>
    <mergeCell ref="A93:K93"/>
    <mergeCell ref="A94:A95"/>
    <mergeCell ref="B94:B95"/>
    <mergeCell ref="C94:C95"/>
    <mergeCell ref="D94:D95"/>
    <mergeCell ref="E94:E95"/>
    <mergeCell ref="F94:F95"/>
    <mergeCell ref="G94:G95"/>
    <mergeCell ref="C110:D110"/>
    <mergeCell ref="C111:D111"/>
    <mergeCell ref="F102:F103"/>
    <mergeCell ref="G102:G103"/>
    <mergeCell ref="H102:J102"/>
    <mergeCell ref="K102:K103"/>
    <mergeCell ref="L102:M102"/>
    <mergeCell ref="K105:K107"/>
    <mergeCell ref="H94:J94"/>
    <mergeCell ref="K94:K95"/>
    <mergeCell ref="L94:M94"/>
    <mergeCell ref="K97:K99"/>
    <mergeCell ref="A101:K101"/>
    <mergeCell ref="A102:A103"/>
    <mergeCell ref="B102:B103"/>
    <mergeCell ref="C102:C103"/>
    <mergeCell ref="D102:D103"/>
    <mergeCell ref="E102:E103"/>
    <mergeCell ref="H118:I118"/>
    <mergeCell ref="B119:C119"/>
    <mergeCell ref="B120:C120"/>
    <mergeCell ref="A123:B123"/>
    <mergeCell ref="C112:D112"/>
    <mergeCell ref="C114:D114"/>
    <mergeCell ref="C115:D115"/>
    <mergeCell ref="H115:I115"/>
    <mergeCell ref="C116:D116"/>
    <mergeCell ref="H117:I117"/>
  </mergeCells>
  <conditionalFormatting sqref="B119:C119">
    <cfRule type="containsBlanks" dxfId="71" priority="6">
      <formula>LEN(TRIM(B119))=0</formula>
    </cfRule>
  </conditionalFormatting>
  <conditionalFormatting sqref="B120:C120">
    <cfRule type="containsBlanks" dxfId="70" priority="5">
      <formula>LEN(TRIM(B120))=0</formula>
    </cfRule>
  </conditionalFormatting>
  <conditionalFormatting sqref="H117:I117">
    <cfRule type="containsBlanks" dxfId="69" priority="4">
      <formula>LEN(TRIM(H117))=0</formula>
    </cfRule>
  </conditionalFormatting>
  <conditionalFormatting sqref="H118:I118">
    <cfRule type="containsBlanks" dxfId="68" priority="3">
      <formula>LEN(TRIM(H118))=0</formula>
    </cfRule>
  </conditionalFormatting>
  <conditionalFormatting sqref="C110:D112">
    <cfRule type="containsBlanks" dxfId="67" priority="2">
      <formula>LEN(TRIM(C110))=0</formula>
    </cfRule>
  </conditionalFormatting>
  <conditionalFormatting sqref="C114:D116">
    <cfRule type="containsBlanks" dxfId="66" priority="1">
      <formula>LEN(TRIM(C114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4" manualBreakCount="4">
    <brk id="20" max="12" man="1"/>
    <brk id="44" max="12" man="1"/>
    <brk id="68" max="12" man="1"/>
    <brk id="92" max="12" man="1"/>
  </rowBreaks>
  <colBreaks count="1" manualBreakCount="1">
    <brk id="13" max="28" man="1"/>
  </colBreaks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71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47" t="s">
        <v>420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0" customHeight="1" x14ac:dyDescent="0.25">
      <c r="A9" s="51" t="s">
        <v>0</v>
      </c>
      <c r="B9" s="52" t="s">
        <v>421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0" customHeight="1" x14ac:dyDescent="0.25">
      <c r="A10" s="51" t="s">
        <v>12</v>
      </c>
      <c r="B10" s="52" t="s">
        <v>422</v>
      </c>
      <c r="C10" s="114" t="s">
        <v>46</v>
      </c>
      <c r="D10" s="119">
        <v>4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0" customHeight="1" x14ac:dyDescent="0.25">
      <c r="A11" s="51" t="s">
        <v>13</v>
      </c>
      <c r="B11" s="52" t="s">
        <v>423</v>
      </c>
      <c r="C11" s="114" t="s">
        <v>46</v>
      </c>
      <c r="D11" s="119">
        <v>18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0" customHeight="1" x14ac:dyDescent="0.25">
      <c r="A12" s="51" t="s">
        <v>14</v>
      </c>
      <c r="B12" s="52" t="s">
        <v>365</v>
      </c>
      <c r="C12" s="114" t="s">
        <v>46</v>
      </c>
      <c r="D12" s="119">
        <v>3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0" customHeight="1" thickBot="1" x14ac:dyDescent="0.3">
      <c r="A13" s="51" t="s">
        <v>15</v>
      </c>
      <c r="B13" s="52" t="s">
        <v>424</v>
      </c>
      <c r="C13" s="114" t="s">
        <v>46</v>
      </c>
      <c r="D13" s="119">
        <v>4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5" customFormat="1" ht="33" customHeight="1" thickBot="1" x14ac:dyDescent="0.3">
      <c r="A14" s="60"/>
      <c r="B14" s="61"/>
      <c r="C14" s="61"/>
      <c r="D14" s="61"/>
      <c r="E14" s="62"/>
      <c r="F14" s="62"/>
      <c r="G14" s="62"/>
      <c r="H14" s="62"/>
      <c r="I14" s="61"/>
      <c r="J14" s="61"/>
      <c r="K14" s="61"/>
      <c r="L14" s="98">
        <f>SUM(L9:L13)</f>
        <v>0</v>
      </c>
      <c r="M14" s="116">
        <f>SUM(M9:M13)</f>
        <v>0</v>
      </c>
      <c r="O14" s="63"/>
      <c r="P14" s="63"/>
    </row>
    <row r="15" spans="1:22" s="46" customFormat="1" ht="29.25" customHeight="1" x14ac:dyDescent="0.25">
      <c r="A15" s="139" t="s">
        <v>425</v>
      </c>
      <c r="B15" s="139"/>
      <c r="C15" s="139"/>
      <c r="D15" s="139"/>
      <c r="E15" s="139"/>
      <c r="F15" s="139"/>
      <c r="G15" s="139"/>
      <c r="H15" s="139"/>
      <c r="I15" s="139"/>
      <c r="J15" s="139"/>
      <c r="K15" s="139"/>
      <c r="L15" s="64"/>
      <c r="M15" s="64"/>
      <c r="N15" s="64"/>
      <c r="O15" s="64"/>
      <c r="P15" s="64"/>
    </row>
    <row r="16" spans="1:22" s="39" customFormat="1" ht="33" customHeight="1" x14ac:dyDescent="0.25">
      <c r="A16" s="128" t="s">
        <v>24</v>
      </c>
      <c r="B16" s="128" t="s">
        <v>39</v>
      </c>
      <c r="C16" s="128" t="s">
        <v>40</v>
      </c>
      <c r="D16" s="128" t="s">
        <v>30</v>
      </c>
      <c r="E16" s="128" t="s">
        <v>32</v>
      </c>
      <c r="F16" s="128" t="s">
        <v>41</v>
      </c>
      <c r="G16" s="128" t="s">
        <v>42</v>
      </c>
      <c r="H16" s="130" t="s">
        <v>45</v>
      </c>
      <c r="I16" s="131"/>
      <c r="J16" s="131"/>
      <c r="K16" s="132" t="s">
        <v>53</v>
      </c>
      <c r="L16" s="134"/>
      <c r="M16" s="134"/>
      <c r="N16" s="47"/>
      <c r="O16" s="47"/>
      <c r="P16" s="47"/>
    </row>
    <row r="17" spans="1:62" s="39" customFormat="1" ht="22.5" customHeight="1" x14ac:dyDescent="0.25">
      <c r="A17" s="129"/>
      <c r="B17" s="129"/>
      <c r="C17" s="129"/>
      <c r="D17" s="129"/>
      <c r="E17" s="129"/>
      <c r="F17" s="129"/>
      <c r="G17" s="129"/>
      <c r="H17" s="48" t="s">
        <v>26</v>
      </c>
      <c r="I17" s="49" t="s">
        <v>27</v>
      </c>
      <c r="J17" s="92" t="s">
        <v>28</v>
      </c>
      <c r="K17" s="133"/>
      <c r="L17" s="96"/>
      <c r="M17" s="96"/>
      <c r="N17" s="47"/>
      <c r="O17" s="47"/>
      <c r="P17" s="47"/>
    </row>
    <row r="18" spans="1:62" s="111" customFormat="1" ht="14.1" customHeight="1" x14ac:dyDescent="0.25">
      <c r="A18" s="102" t="s">
        <v>0</v>
      </c>
      <c r="B18" s="103" t="s">
        <v>12</v>
      </c>
      <c r="C18" s="103" t="s">
        <v>13</v>
      </c>
      <c r="D18" s="103" t="s">
        <v>14</v>
      </c>
      <c r="E18" s="112" t="s">
        <v>15</v>
      </c>
      <c r="F18" s="104" t="s">
        <v>16</v>
      </c>
      <c r="G18" s="99" t="s">
        <v>17</v>
      </c>
      <c r="H18" s="105" t="s">
        <v>18</v>
      </c>
      <c r="I18" s="106" t="s">
        <v>19</v>
      </c>
      <c r="J18" s="107" t="s">
        <v>35</v>
      </c>
      <c r="K18" s="108" t="s">
        <v>36</v>
      </c>
      <c r="L18" s="117"/>
      <c r="M18" s="117"/>
      <c r="N18" s="109"/>
      <c r="O18" s="109"/>
      <c r="P18" s="109"/>
      <c r="Q18" s="110"/>
      <c r="R18" s="110"/>
      <c r="S18" s="110"/>
      <c r="T18" s="110"/>
      <c r="U18" s="110"/>
      <c r="V18" s="110"/>
      <c r="W18" s="110"/>
      <c r="X18" s="110"/>
      <c r="Y18" s="110"/>
      <c r="Z18" s="110"/>
      <c r="AA18" s="110"/>
      <c r="AB18" s="110"/>
      <c r="AC18" s="110"/>
      <c r="AD18" s="110"/>
      <c r="AE18" s="110"/>
      <c r="AF18" s="110"/>
      <c r="AG18" s="110"/>
      <c r="AH18" s="110"/>
      <c r="AI18" s="110"/>
      <c r="AJ18" s="110"/>
      <c r="AK18" s="110"/>
      <c r="AL18" s="110"/>
      <c r="AM18" s="110"/>
      <c r="AN18" s="110"/>
      <c r="AO18" s="110"/>
      <c r="AP18" s="110"/>
      <c r="AQ18" s="110"/>
      <c r="AR18" s="110"/>
      <c r="AS18" s="110"/>
      <c r="AT18" s="110"/>
      <c r="AU18" s="110"/>
      <c r="AV18" s="110"/>
      <c r="AW18" s="110"/>
      <c r="AX18" s="110"/>
      <c r="AY18" s="110"/>
      <c r="AZ18" s="110"/>
      <c r="BA18" s="110"/>
      <c r="BB18" s="110"/>
      <c r="BC18" s="110"/>
      <c r="BD18" s="110"/>
      <c r="BE18" s="110"/>
      <c r="BF18" s="110"/>
      <c r="BG18" s="110"/>
      <c r="BH18" s="110"/>
      <c r="BI18" s="110"/>
      <c r="BJ18" s="110"/>
    </row>
    <row r="19" spans="1:62" s="40" customFormat="1" ht="33" customHeight="1" x14ac:dyDescent="0.25">
      <c r="A19" s="86" t="s">
        <v>0</v>
      </c>
      <c r="B19" s="65"/>
      <c r="C19" s="66"/>
      <c r="D19" s="84"/>
      <c r="E19" s="84"/>
      <c r="F19" s="84"/>
      <c r="G19" s="84"/>
      <c r="H19" s="67"/>
      <c r="I19" s="68"/>
      <c r="J19" s="93"/>
      <c r="K19" s="135" t="s">
        <v>69</v>
      </c>
      <c r="L19" s="97"/>
      <c r="M19" s="97"/>
      <c r="N19" s="50"/>
      <c r="O19" s="50"/>
      <c r="P19" s="50"/>
    </row>
    <row r="20" spans="1:62" s="40" customFormat="1" ht="33" customHeight="1" x14ac:dyDescent="0.25">
      <c r="A20" s="85" t="s">
        <v>12</v>
      </c>
      <c r="B20" s="69"/>
      <c r="C20" s="70"/>
      <c r="D20" s="85"/>
      <c r="E20" s="85"/>
      <c r="F20" s="85"/>
      <c r="G20" s="86"/>
      <c r="H20" s="71"/>
      <c r="I20" s="72"/>
      <c r="J20" s="94"/>
      <c r="K20" s="136"/>
      <c r="L20" s="97"/>
      <c r="M20" s="97"/>
      <c r="N20" s="50"/>
      <c r="O20" s="50"/>
      <c r="P20" s="50"/>
    </row>
    <row r="21" spans="1:62" s="40" customFormat="1" ht="33" customHeight="1" x14ac:dyDescent="0.25">
      <c r="A21" s="87" t="s">
        <v>13</v>
      </c>
      <c r="B21" s="88"/>
      <c r="C21" s="89"/>
      <c r="D21" s="87"/>
      <c r="E21" s="87"/>
      <c r="F21" s="87"/>
      <c r="G21" s="87"/>
      <c r="H21" s="90"/>
      <c r="I21" s="91"/>
      <c r="J21" s="95"/>
      <c r="K21" s="137"/>
      <c r="L21" s="97"/>
      <c r="M21" s="97"/>
      <c r="N21" s="50"/>
      <c r="O21" s="50"/>
      <c r="P21" s="50"/>
    </row>
    <row r="22" spans="1:62" s="13" customFormat="1" ht="15.75" customHeight="1" x14ac:dyDescent="0.2">
      <c r="A22" s="23"/>
      <c r="B22" s="23"/>
      <c r="C22" s="10"/>
      <c r="D22" s="41"/>
      <c r="F22" s="14"/>
      <c r="G22" s="14"/>
      <c r="H22" s="14"/>
      <c r="I22" s="14"/>
      <c r="J22" s="26"/>
      <c r="K22" s="26"/>
      <c r="L22" s="26"/>
      <c r="M22" s="26"/>
    </row>
    <row r="23" spans="1:62" s="46" customFormat="1" ht="29.25" customHeight="1" x14ac:dyDescent="0.25">
      <c r="A23" s="139" t="s">
        <v>426</v>
      </c>
      <c r="B23" s="139"/>
      <c r="C23" s="139"/>
      <c r="D23" s="139"/>
      <c r="E23" s="139"/>
      <c r="F23" s="139"/>
      <c r="G23" s="139"/>
      <c r="H23" s="139"/>
      <c r="I23" s="139"/>
      <c r="J23" s="139"/>
      <c r="K23" s="139"/>
      <c r="L23" s="64"/>
      <c r="M23" s="64"/>
      <c r="N23" s="64"/>
      <c r="O23" s="64"/>
      <c r="P23" s="64"/>
    </row>
    <row r="24" spans="1:62" s="39" customFormat="1" ht="33" customHeight="1" x14ac:dyDescent="0.25">
      <c r="A24" s="128" t="s">
        <v>24</v>
      </c>
      <c r="B24" s="128" t="s">
        <v>39</v>
      </c>
      <c r="C24" s="128" t="s">
        <v>40</v>
      </c>
      <c r="D24" s="128" t="s">
        <v>30</v>
      </c>
      <c r="E24" s="128" t="s">
        <v>32</v>
      </c>
      <c r="F24" s="128" t="s">
        <v>41</v>
      </c>
      <c r="G24" s="128" t="s">
        <v>42</v>
      </c>
      <c r="H24" s="130" t="s">
        <v>45</v>
      </c>
      <c r="I24" s="131"/>
      <c r="J24" s="131"/>
      <c r="K24" s="132" t="s">
        <v>53</v>
      </c>
      <c r="L24" s="134"/>
      <c r="M24" s="134"/>
      <c r="N24" s="47"/>
      <c r="O24" s="47"/>
      <c r="P24" s="47"/>
    </row>
    <row r="25" spans="1:62" s="39" customFormat="1" ht="22.5" customHeight="1" x14ac:dyDescent="0.25">
      <c r="A25" s="129"/>
      <c r="B25" s="129"/>
      <c r="C25" s="129"/>
      <c r="D25" s="129"/>
      <c r="E25" s="129"/>
      <c r="F25" s="129"/>
      <c r="G25" s="129"/>
      <c r="H25" s="48" t="s">
        <v>26</v>
      </c>
      <c r="I25" s="49" t="s">
        <v>27</v>
      </c>
      <c r="J25" s="92" t="s">
        <v>28</v>
      </c>
      <c r="K25" s="133"/>
      <c r="L25" s="96"/>
      <c r="M25" s="96"/>
      <c r="N25" s="47"/>
      <c r="O25" s="47"/>
      <c r="P25" s="47"/>
    </row>
    <row r="26" spans="1:62" s="111" customFormat="1" ht="14.1" customHeight="1" x14ac:dyDescent="0.25">
      <c r="A26" s="102" t="s">
        <v>0</v>
      </c>
      <c r="B26" s="103" t="s">
        <v>12</v>
      </c>
      <c r="C26" s="103" t="s">
        <v>13</v>
      </c>
      <c r="D26" s="103" t="s">
        <v>14</v>
      </c>
      <c r="E26" s="112" t="s">
        <v>15</v>
      </c>
      <c r="F26" s="104" t="s">
        <v>16</v>
      </c>
      <c r="G26" s="99" t="s">
        <v>17</v>
      </c>
      <c r="H26" s="105" t="s">
        <v>18</v>
      </c>
      <c r="I26" s="106" t="s">
        <v>19</v>
      </c>
      <c r="J26" s="107" t="s">
        <v>35</v>
      </c>
      <c r="K26" s="108" t="s">
        <v>36</v>
      </c>
      <c r="L26" s="117"/>
      <c r="M26" s="117"/>
      <c r="N26" s="109"/>
      <c r="O26" s="109"/>
      <c r="P26" s="109"/>
      <c r="Q26" s="110"/>
      <c r="R26" s="110"/>
      <c r="S26" s="110"/>
      <c r="T26" s="110"/>
      <c r="U26" s="110"/>
      <c r="V26" s="110"/>
      <c r="W26" s="110"/>
      <c r="X26" s="110"/>
      <c r="Y26" s="110"/>
      <c r="Z26" s="110"/>
      <c r="AA26" s="110"/>
      <c r="AB26" s="110"/>
      <c r="AC26" s="110"/>
      <c r="AD26" s="110"/>
      <c r="AE26" s="110"/>
      <c r="AF26" s="110"/>
      <c r="AG26" s="110"/>
      <c r="AH26" s="110"/>
      <c r="AI26" s="110"/>
      <c r="AJ26" s="110"/>
      <c r="AK26" s="110"/>
      <c r="AL26" s="110"/>
      <c r="AM26" s="110"/>
      <c r="AN26" s="110"/>
      <c r="AO26" s="110"/>
      <c r="AP26" s="110"/>
      <c r="AQ26" s="110"/>
      <c r="AR26" s="110"/>
      <c r="AS26" s="110"/>
      <c r="AT26" s="110"/>
      <c r="AU26" s="110"/>
      <c r="AV26" s="110"/>
      <c r="AW26" s="110"/>
      <c r="AX26" s="110"/>
      <c r="AY26" s="110"/>
      <c r="AZ26" s="110"/>
      <c r="BA26" s="110"/>
      <c r="BB26" s="110"/>
      <c r="BC26" s="110"/>
      <c r="BD26" s="110"/>
      <c r="BE26" s="110"/>
      <c r="BF26" s="110"/>
      <c r="BG26" s="110"/>
      <c r="BH26" s="110"/>
      <c r="BI26" s="110"/>
      <c r="BJ26" s="110"/>
    </row>
    <row r="27" spans="1:62" s="40" customFormat="1" ht="33" customHeight="1" x14ac:dyDescent="0.25">
      <c r="A27" s="86" t="s">
        <v>0</v>
      </c>
      <c r="B27" s="65"/>
      <c r="C27" s="66"/>
      <c r="D27" s="84"/>
      <c r="E27" s="84"/>
      <c r="F27" s="84"/>
      <c r="G27" s="84"/>
      <c r="H27" s="67"/>
      <c r="I27" s="68"/>
      <c r="J27" s="93"/>
      <c r="K27" s="135" t="s">
        <v>173</v>
      </c>
      <c r="L27" s="97"/>
      <c r="M27" s="97"/>
      <c r="N27" s="50"/>
      <c r="O27" s="50"/>
      <c r="P27" s="50"/>
    </row>
    <row r="28" spans="1:62" s="40" customFormat="1" ht="33" customHeight="1" x14ac:dyDescent="0.25">
      <c r="A28" s="85" t="s">
        <v>12</v>
      </c>
      <c r="B28" s="69"/>
      <c r="C28" s="70"/>
      <c r="D28" s="85"/>
      <c r="E28" s="85"/>
      <c r="F28" s="85"/>
      <c r="G28" s="86"/>
      <c r="H28" s="71"/>
      <c r="I28" s="72"/>
      <c r="J28" s="94"/>
      <c r="K28" s="136"/>
      <c r="L28" s="97"/>
      <c r="M28" s="97"/>
      <c r="N28" s="50"/>
      <c r="O28" s="50"/>
      <c r="P28" s="50"/>
    </row>
    <row r="29" spans="1:62" s="40" customFormat="1" ht="33" customHeight="1" x14ac:dyDescent="0.25">
      <c r="A29" s="87" t="s">
        <v>13</v>
      </c>
      <c r="B29" s="88"/>
      <c r="C29" s="89"/>
      <c r="D29" s="87"/>
      <c r="E29" s="87"/>
      <c r="F29" s="87"/>
      <c r="G29" s="87"/>
      <c r="H29" s="90"/>
      <c r="I29" s="91"/>
      <c r="J29" s="95"/>
      <c r="K29" s="137"/>
      <c r="L29" s="97"/>
      <c r="M29" s="97"/>
      <c r="N29" s="50"/>
      <c r="O29" s="50"/>
      <c r="P29" s="50"/>
    </row>
    <row r="30" spans="1:62" s="45" customFormat="1" ht="33" customHeight="1" x14ac:dyDescent="0.25">
      <c r="A30" s="60"/>
      <c r="B30" s="61"/>
      <c r="C30" s="61"/>
      <c r="D30" s="61"/>
      <c r="E30" s="62"/>
      <c r="F30" s="62"/>
      <c r="G30" s="62"/>
      <c r="H30" s="62"/>
      <c r="I30" s="61"/>
      <c r="J30" s="61"/>
      <c r="K30" s="61"/>
      <c r="L30" s="127"/>
      <c r="M30" s="127"/>
      <c r="O30" s="63"/>
      <c r="P30" s="63"/>
    </row>
    <row r="31" spans="1:62" s="46" customFormat="1" ht="29.25" customHeight="1" x14ac:dyDescent="0.25">
      <c r="A31" s="139" t="s">
        <v>427</v>
      </c>
      <c r="B31" s="139"/>
      <c r="C31" s="139"/>
      <c r="D31" s="139"/>
      <c r="E31" s="139"/>
      <c r="F31" s="139"/>
      <c r="G31" s="139"/>
      <c r="H31" s="139"/>
      <c r="I31" s="139"/>
      <c r="J31" s="139"/>
      <c r="K31" s="139"/>
      <c r="L31" s="64"/>
      <c r="M31" s="64"/>
      <c r="N31" s="64"/>
      <c r="O31" s="64"/>
      <c r="P31" s="64"/>
    </row>
    <row r="32" spans="1:62" s="39" customFormat="1" ht="33" customHeight="1" x14ac:dyDescent="0.25">
      <c r="A32" s="128" t="s">
        <v>24</v>
      </c>
      <c r="B32" s="128" t="s">
        <v>39</v>
      </c>
      <c r="C32" s="128" t="s">
        <v>40</v>
      </c>
      <c r="D32" s="128" t="s">
        <v>30</v>
      </c>
      <c r="E32" s="128" t="s">
        <v>32</v>
      </c>
      <c r="F32" s="128" t="s">
        <v>41</v>
      </c>
      <c r="G32" s="128" t="s">
        <v>42</v>
      </c>
      <c r="H32" s="130" t="s">
        <v>45</v>
      </c>
      <c r="I32" s="131"/>
      <c r="J32" s="131"/>
      <c r="K32" s="132" t="s">
        <v>53</v>
      </c>
      <c r="L32" s="134"/>
      <c r="M32" s="134"/>
      <c r="N32" s="47"/>
      <c r="O32" s="47"/>
      <c r="P32" s="47"/>
    </row>
    <row r="33" spans="1:62" s="39" customFormat="1" ht="22.5" customHeight="1" x14ac:dyDescent="0.25">
      <c r="A33" s="129"/>
      <c r="B33" s="129"/>
      <c r="C33" s="129"/>
      <c r="D33" s="129"/>
      <c r="E33" s="129"/>
      <c r="F33" s="129"/>
      <c r="G33" s="129"/>
      <c r="H33" s="48" t="s">
        <v>26</v>
      </c>
      <c r="I33" s="49" t="s">
        <v>27</v>
      </c>
      <c r="J33" s="92" t="s">
        <v>28</v>
      </c>
      <c r="K33" s="133"/>
      <c r="L33" s="96"/>
      <c r="M33" s="96"/>
      <c r="N33" s="47"/>
      <c r="O33" s="47"/>
      <c r="P33" s="47"/>
    </row>
    <row r="34" spans="1:62" s="111" customFormat="1" ht="14.1" customHeight="1" x14ac:dyDescent="0.25">
      <c r="A34" s="102" t="s">
        <v>0</v>
      </c>
      <c r="B34" s="103" t="s">
        <v>12</v>
      </c>
      <c r="C34" s="103" t="s">
        <v>13</v>
      </c>
      <c r="D34" s="103" t="s">
        <v>14</v>
      </c>
      <c r="E34" s="112" t="s">
        <v>15</v>
      </c>
      <c r="F34" s="104" t="s">
        <v>16</v>
      </c>
      <c r="G34" s="99" t="s">
        <v>17</v>
      </c>
      <c r="H34" s="105" t="s">
        <v>18</v>
      </c>
      <c r="I34" s="106" t="s">
        <v>19</v>
      </c>
      <c r="J34" s="107" t="s">
        <v>35</v>
      </c>
      <c r="K34" s="108" t="s">
        <v>36</v>
      </c>
      <c r="L34" s="117"/>
      <c r="M34" s="117"/>
      <c r="N34" s="109"/>
      <c r="O34" s="109"/>
      <c r="P34" s="109"/>
      <c r="Q34" s="110"/>
      <c r="R34" s="110"/>
      <c r="S34" s="110"/>
      <c r="T34" s="110"/>
      <c r="U34" s="110"/>
      <c r="V34" s="110"/>
      <c r="W34" s="110"/>
      <c r="X34" s="110"/>
      <c r="Y34" s="110"/>
      <c r="Z34" s="110"/>
      <c r="AA34" s="110"/>
      <c r="AB34" s="110"/>
      <c r="AC34" s="110"/>
      <c r="AD34" s="110"/>
      <c r="AE34" s="110"/>
      <c r="AF34" s="110"/>
      <c r="AG34" s="110"/>
      <c r="AH34" s="110"/>
      <c r="AI34" s="110"/>
      <c r="AJ34" s="110"/>
      <c r="AK34" s="110"/>
      <c r="AL34" s="110"/>
      <c r="AM34" s="110"/>
      <c r="AN34" s="110"/>
      <c r="AO34" s="110"/>
      <c r="AP34" s="110"/>
      <c r="AQ34" s="110"/>
      <c r="AR34" s="110"/>
      <c r="AS34" s="110"/>
      <c r="AT34" s="110"/>
      <c r="AU34" s="110"/>
      <c r="AV34" s="110"/>
      <c r="AW34" s="110"/>
      <c r="AX34" s="110"/>
      <c r="AY34" s="110"/>
      <c r="AZ34" s="110"/>
      <c r="BA34" s="110"/>
      <c r="BB34" s="110"/>
      <c r="BC34" s="110"/>
      <c r="BD34" s="110"/>
      <c r="BE34" s="110"/>
      <c r="BF34" s="110"/>
      <c r="BG34" s="110"/>
      <c r="BH34" s="110"/>
      <c r="BI34" s="110"/>
      <c r="BJ34" s="110"/>
    </row>
    <row r="35" spans="1:62" s="40" customFormat="1" ht="33" customHeight="1" x14ac:dyDescent="0.25">
      <c r="A35" s="86" t="s">
        <v>0</v>
      </c>
      <c r="B35" s="65"/>
      <c r="C35" s="66"/>
      <c r="D35" s="84"/>
      <c r="E35" s="84"/>
      <c r="F35" s="84"/>
      <c r="G35" s="84"/>
      <c r="H35" s="67"/>
      <c r="I35" s="68"/>
      <c r="J35" s="93"/>
      <c r="K35" s="135" t="s">
        <v>430</v>
      </c>
      <c r="L35" s="97"/>
      <c r="M35" s="97"/>
      <c r="N35" s="50"/>
      <c r="O35" s="50"/>
      <c r="P35" s="50"/>
    </row>
    <row r="36" spans="1:62" s="40" customFormat="1" ht="33" customHeight="1" x14ac:dyDescent="0.25">
      <c r="A36" s="85" t="s">
        <v>12</v>
      </c>
      <c r="B36" s="69"/>
      <c r="C36" s="70"/>
      <c r="D36" s="85"/>
      <c r="E36" s="85"/>
      <c r="F36" s="85"/>
      <c r="G36" s="86"/>
      <c r="H36" s="71"/>
      <c r="I36" s="72"/>
      <c r="J36" s="94"/>
      <c r="K36" s="136"/>
      <c r="L36" s="97"/>
      <c r="M36" s="97"/>
      <c r="N36" s="50"/>
      <c r="O36" s="50"/>
      <c r="P36" s="50"/>
    </row>
    <row r="37" spans="1:62" s="40" customFormat="1" ht="33" customHeight="1" x14ac:dyDescent="0.25">
      <c r="A37" s="87" t="s">
        <v>13</v>
      </c>
      <c r="B37" s="88"/>
      <c r="C37" s="89"/>
      <c r="D37" s="87"/>
      <c r="E37" s="87"/>
      <c r="F37" s="87"/>
      <c r="G37" s="87"/>
      <c r="H37" s="90"/>
      <c r="I37" s="91"/>
      <c r="J37" s="95"/>
      <c r="K37" s="137"/>
      <c r="L37" s="97"/>
      <c r="M37" s="97"/>
      <c r="N37" s="50"/>
      <c r="O37" s="50"/>
      <c r="P37" s="50"/>
    </row>
    <row r="38" spans="1:62" s="13" customFormat="1" ht="15.75" customHeight="1" x14ac:dyDescent="0.2">
      <c r="A38" s="23"/>
      <c r="B38" s="23"/>
      <c r="C38" s="10"/>
      <c r="D38" s="41"/>
      <c r="F38" s="14"/>
      <c r="G38" s="14"/>
      <c r="H38" s="14"/>
      <c r="I38" s="14"/>
      <c r="J38" s="26"/>
      <c r="K38" s="26"/>
      <c r="L38" s="26"/>
      <c r="M38" s="26"/>
    </row>
    <row r="39" spans="1:62" s="46" customFormat="1" ht="29.25" customHeight="1" x14ac:dyDescent="0.25">
      <c r="A39" s="139" t="s">
        <v>428</v>
      </c>
      <c r="B39" s="139"/>
      <c r="C39" s="139"/>
      <c r="D39" s="139"/>
      <c r="E39" s="139"/>
      <c r="F39" s="139"/>
      <c r="G39" s="139"/>
      <c r="H39" s="139"/>
      <c r="I39" s="139"/>
      <c r="J39" s="139"/>
      <c r="K39" s="139"/>
      <c r="L39" s="64"/>
      <c r="M39" s="64"/>
      <c r="N39" s="64"/>
      <c r="O39" s="64"/>
      <c r="P39" s="64"/>
    </row>
    <row r="40" spans="1:62" s="39" customFormat="1" ht="33" customHeight="1" x14ac:dyDescent="0.25">
      <c r="A40" s="128" t="s">
        <v>24</v>
      </c>
      <c r="B40" s="128" t="s">
        <v>39</v>
      </c>
      <c r="C40" s="128" t="s">
        <v>40</v>
      </c>
      <c r="D40" s="128" t="s">
        <v>30</v>
      </c>
      <c r="E40" s="128" t="s">
        <v>32</v>
      </c>
      <c r="F40" s="128" t="s">
        <v>41</v>
      </c>
      <c r="G40" s="128" t="s">
        <v>42</v>
      </c>
      <c r="H40" s="130" t="s">
        <v>45</v>
      </c>
      <c r="I40" s="131"/>
      <c r="J40" s="131"/>
      <c r="K40" s="132" t="s">
        <v>53</v>
      </c>
      <c r="L40" s="134"/>
      <c r="M40" s="134"/>
      <c r="N40" s="47"/>
      <c r="O40" s="47"/>
      <c r="P40" s="47"/>
    </row>
    <row r="41" spans="1:62" s="39" customFormat="1" ht="22.5" customHeight="1" x14ac:dyDescent="0.25">
      <c r="A41" s="129"/>
      <c r="B41" s="129"/>
      <c r="C41" s="129"/>
      <c r="D41" s="129"/>
      <c r="E41" s="129"/>
      <c r="F41" s="129"/>
      <c r="G41" s="129"/>
      <c r="H41" s="48" t="s">
        <v>26</v>
      </c>
      <c r="I41" s="49" t="s">
        <v>27</v>
      </c>
      <c r="J41" s="92" t="s">
        <v>28</v>
      </c>
      <c r="K41" s="133"/>
      <c r="L41" s="96"/>
      <c r="M41" s="96"/>
      <c r="N41" s="47"/>
      <c r="O41" s="47"/>
      <c r="P41" s="47"/>
    </row>
    <row r="42" spans="1:62" s="111" customFormat="1" ht="14.1" customHeight="1" x14ac:dyDescent="0.25">
      <c r="A42" s="102" t="s">
        <v>0</v>
      </c>
      <c r="B42" s="103" t="s">
        <v>12</v>
      </c>
      <c r="C42" s="103" t="s">
        <v>13</v>
      </c>
      <c r="D42" s="103" t="s">
        <v>14</v>
      </c>
      <c r="E42" s="112" t="s">
        <v>15</v>
      </c>
      <c r="F42" s="104" t="s">
        <v>16</v>
      </c>
      <c r="G42" s="99" t="s">
        <v>17</v>
      </c>
      <c r="H42" s="105" t="s">
        <v>18</v>
      </c>
      <c r="I42" s="106" t="s">
        <v>19</v>
      </c>
      <c r="J42" s="107" t="s">
        <v>35</v>
      </c>
      <c r="K42" s="108" t="s">
        <v>36</v>
      </c>
      <c r="L42" s="117"/>
      <c r="M42" s="117"/>
      <c r="N42" s="109"/>
      <c r="O42" s="109"/>
      <c r="P42" s="109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0"/>
      <c r="AP42" s="110"/>
      <c r="AQ42" s="110"/>
      <c r="AR42" s="110"/>
      <c r="AS42" s="110"/>
      <c r="AT42" s="110"/>
      <c r="AU42" s="110"/>
      <c r="AV42" s="110"/>
      <c r="AW42" s="110"/>
      <c r="AX42" s="110"/>
      <c r="AY42" s="110"/>
      <c r="AZ42" s="110"/>
      <c r="BA42" s="110"/>
      <c r="BB42" s="110"/>
      <c r="BC42" s="110"/>
      <c r="BD42" s="110"/>
      <c r="BE42" s="110"/>
      <c r="BF42" s="110"/>
      <c r="BG42" s="110"/>
      <c r="BH42" s="110"/>
      <c r="BI42" s="110"/>
      <c r="BJ42" s="110"/>
    </row>
    <row r="43" spans="1:62" s="40" customFormat="1" ht="33" customHeight="1" x14ac:dyDescent="0.25">
      <c r="A43" s="86" t="s">
        <v>0</v>
      </c>
      <c r="B43" s="65"/>
      <c r="C43" s="66"/>
      <c r="D43" s="84"/>
      <c r="E43" s="84"/>
      <c r="F43" s="84"/>
      <c r="G43" s="84"/>
      <c r="H43" s="67"/>
      <c r="I43" s="68"/>
      <c r="J43" s="93"/>
      <c r="K43" s="135" t="s">
        <v>431</v>
      </c>
      <c r="L43" s="97"/>
      <c r="M43" s="97"/>
      <c r="N43" s="50"/>
      <c r="O43" s="50"/>
      <c r="P43" s="50"/>
    </row>
    <row r="44" spans="1:62" s="40" customFormat="1" ht="33" customHeight="1" x14ac:dyDescent="0.25">
      <c r="A44" s="85" t="s">
        <v>12</v>
      </c>
      <c r="B44" s="69"/>
      <c r="C44" s="70"/>
      <c r="D44" s="85"/>
      <c r="E44" s="85"/>
      <c r="F44" s="85"/>
      <c r="G44" s="86"/>
      <c r="H44" s="71"/>
      <c r="I44" s="72"/>
      <c r="J44" s="94"/>
      <c r="K44" s="136"/>
      <c r="L44" s="97"/>
      <c r="M44" s="97"/>
      <c r="N44" s="50"/>
      <c r="O44" s="50"/>
      <c r="P44" s="50"/>
    </row>
    <row r="45" spans="1:62" s="40" customFormat="1" ht="33" customHeight="1" x14ac:dyDescent="0.25">
      <c r="A45" s="87" t="s">
        <v>13</v>
      </c>
      <c r="B45" s="88"/>
      <c r="C45" s="89"/>
      <c r="D45" s="87"/>
      <c r="E45" s="87"/>
      <c r="F45" s="87"/>
      <c r="G45" s="87"/>
      <c r="H45" s="90"/>
      <c r="I45" s="91"/>
      <c r="J45" s="95"/>
      <c r="K45" s="137"/>
      <c r="L45" s="97"/>
      <c r="M45" s="97"/>
      <c r="N45" s="50"/>
      <c r="O45" s="50"/>
      <c r="P45" s="50"/>
    </row>
    <row r="46" spans="1:62" s="45" customFormat="1" ht="33" customHeight="1" x14ac:dyDescent="0.25">
      <c r="A46" s="60"/>
      <c r="B46" s="61"/>
      <c r="C46" s="61"/>
      <c r="D46" s="61"/>
      <c r="E46" s="62"/>
      <c r="F46" s="62"/>
      <c r="G46" s="62"/>
      <c r="H46" s="62"/>
      <c r="I46" s="61"/>
      <c r="J46" s="61"/>
      <c r="K46" s="61"/>
      <c r="L46" s="127"/>
      <c r="M46" s="127"/>
      <c r="O46" s="63"/>
      <c r="P46" s="63"/>
    </row>
    <row r="47" spans="1:62" s="46" customFormat="1" ht="29.25" customHeight="1" x14ac:dyDescent="0.25">
      <c r="A47" s="139" t="s">
        <v>429</v>
      </c>
      <c r="B47" s="139"/>
      <c r="C47" s="139"/>
      <c r="D47" s="139"/>
      <c r="E47" s="139"/>
      <c r="F47" s="139"/>
      <c r="G47" s="139"/>
      <c r="H47" s="139"/>
      <c r="I47" s="139"/>
      <c r="J47" s="139"/>
      <c r="K47" s="139"/>
      <c r="L47" s="64"/>
      <c r="M47" s="64"/>
      <c r="N47" s="64"/>
      <c r="O47" s="64"/>
      <c r="P47" s="64"/>
    </row>
    <row r="48" spans="1:62" s="39" customFormat="1" ht="33" customHeight="1" x14ac:dyDescent="0.25">
      <c r="A48" s="128" t="s">
        <v>24</v>
      </c>
      <c r="B48" s="128" t="s">
        <v>39</v>
      </c>
      <c r="C48" s="128" t="s">
        <v>40</v>
      </c>
      <c r="D48" s="128" t="s">
        <v>30</v>
      </c>
      <c r="E48" s="128" t="s">
        <v>32</v>
      </c>
      <c r="F48" s="128" t="s">
        <v>41</v>
      </c>
      <c r="G48" s="128" t="s">
        <v>42</v>
      </c>
      <c r="H48" s="130" t="s">
        <v>45</v>
      </c>
      <c r="I48" s="131"/>
      <c r="J48" s="131"/>
      <c r="K48" s="132" t="s">
        <v>53</v>
      </c>
      <c r="L48" s="134"/>
      <c r="M48" s="134"/>
      <c r="N48" s="47"/>
      <c r="O48" s="47"/>
      <c r="P48" s="47"/>
    </row>
    <row r="49" spans="1:62" s="39" customFormat="1" ht="22.5" customHeight="1" x14ac:dyDescent="0.25">
      <c r="A49" s="129"/>
      <c r="B49" s="129"/>
      <c r="C49" s="129"/>
      <c r="D49" s="129"/>
      <c r="E49" s="129"/>
      <c r="F49" s="129"/>
      <c r="G49" s="129"/>
      <c r="H49" s="48" t="s">
        <v>26</v>
      </c>
      <c r="I49" s="49" t="s">
        <v>27</v>
      </c>
      <c r="J49" s="92" t="s">
        <v>28</v>
      </c>
      <c r="K49" s="133"/>
      <c r="L49" s="96"/>
      <c r="M49" s="96"/>
      <c r="N49" s="47"/>
      <c r="O49" s="47"/>
      <c r="P49" s="47"/>
    </row>
    <row r="50" spans="1:62" s="111" customFormat="1" ht="14.1" customHeight="1" x14ac:dyDescent="0.25">
      <c r="A50" s="102" t="s">
        <v>0</v>
      </c>
      <c r="B50" s="103" t="s">
        <v>12</v>
      </c>
      <c r="C50" s="103" t="s">
        <v>13</v>
      </c>
      <c r="D50" s="103" t="s">
        <v>14</v>
      </c>
      <c r="E50" s="112" t="s">
        <v>15</v>
      </c>
      <c r="F50" s="104" t="s">
        <v>16</v>
      </c>
      <c r="G50" s="99" t="s">
        <v>17</v>
      </c>
      <c r="H50" s="105" t="s">
        <v>18</v>
      </c>
      <c r="I50" s="106" t="s">
        <v>19</v>
      </c>
      <c r="J50" s="107" t="s">
        <v>35</v>
      </c>
      <c r="K50" s="108" t="s">
        <v>36</v>
      </c>
      <c r="L50" s="117"/>
      <c r="M50" s="117"/>
      <c r="N50" s="109"/>
      <c r="O50" s="109"/>
      <c r="P50" s="109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0"/>
      <c r="AP50" s="110"/>
      <c r="AQ50" s="110"/>
      <c r="AR50" s="110"/>
      <c r="AS50" s="110"/>
      <c r="AT50" s="110"/>
      <c r="AU50" s="110"/>
      <c r="AV50" s="110"/>
      <c r="AW50" s="110"/>
      <c r="AX50" s="110"/>
      <c r="AY50" s="110"/>
      <c r="AZ50" s="110"/>
      <c r="BA50" s="110"/>
      <c r="BB50" s="110"/>
      <c r="BC50" s="110"/>
      <c r="BD50" s="110"/>
      <c r="BE50" s="110"/>
      <c r="BF50" s="110"/>
      <c r="BG50" s="110"/>
      <c r="BH50" s="110"/>
      <c r="BI50" s="110"/>
      <c r="BJ50" s="110"/>
    </row>
    <row r="51" spans="1:62" s="40" customFormat="1" ht="33" customHeight="1" x14ac:dyDescent="0.25">
      <c r="A51" s="86" t="s">
        <v>0</v>
      </c>
      <c r="B51" s="65"/>
      <c r="C51" s="66"/>
      <c r="D51" s="84"/>
      <c r="E51" s="84"/>
      <c r="F51" s="84"/>
      <c r="G51" s="84"/>
      <c r="H51" s="67"/>
      <c r="I51" s="68"/>
      <c r="J51" s="93"/>
      <c r="K51" s="135" t="s">
        <v>296</v>
      </c>
      <c r="L51" s="97"/>
      <c r="M51" s="97"/>
      <c r="N51" s="50"/>
      <c r="O51" s="50"/>
      <c r="P51" s="50"/>
    </row>
    <row r="52" spans="1:62" s="40" customFormat="1" ht="33" customHeight="1" x14ac:dyDescent="0.25">
      <c r="A52" s="85" t="s">
        <v>12</v>
      </c>
      <c r="B52" s="69"/>
      <c r="C52" s="70"/>
      <c r="D52" s="85"/>
      <c r="E52" s="85"/>
      <c r="F52" s="85"/>
      <c r="G52" s="86"/>
      <c r="H52" s="71"/>
      <c r="I52" s="72"/>
      <c r="J52" s="94"/>
      <c r="K52" s="136"/>
      <c r="L52" s="97"/>
      <c r="M52" s="97"/>
      <c r="N52" s="50"/>
      <c r="O52" s="50"/>
      <c r="P52" s="50"/>
    </row>
    <row r="53" spans="1:62" s="40" customFormat="1" ht="33" customHeight="1" x14ac:dyDescent="0.25">
      <c r="A53" s="87" t="s">
        <v>13</v>
      </c>
      <c r="B53" s="88"/>
      <c r="C53" s="89"/>
      <c r="D53" s="87"/>
      <c r="E53" s="87"/>
      <c r="F53" s="87"/>
      <c r="G53" s="87"/>
      <c r="H53" s="90"/>
      <c r="I53" s="91"/>
      <c r="J53" s="95"/>
      <c r="K53" s="137"/>
      <c r="L53" s="97"/>
      <c r="M53" s="97"/>
      <c r="N53" s="50"/>
      <c r="O53" s="50"/>
      <c r="P53" s="50"/>
    </row>
    <row r="54" spans="1:62" s="13" customFormat="1" ht="15.75" customHeight="1" x14ac:dyDescent="0.2">
      <c r="A54" s="23"/>
      <c r="B54" s="23"/>
      <c r="C54" s="10"/>
      <c r="D54" s="41"/>
      <c r="F54" s="14"/>
      <c r="G54" s="14"/>
      <c r="H54" s="14"/>
      <c r="I54" s="14"/>
      <c r="J54" s="26"/>
      <c r="K54" s="26"/>
      <c r="L54" s="26"/>
      <c r="M54" s="26"/>
    </row>
    <row r="55" spans="1:62" s="40" customFormat="1" ht="33" customHeight="1" x14ac:dyDescent="0.25">
      <c r="A55" s="73"/>
      <c r="B55" s="74"/>
      <c r="C55" s="74"/>
      <c r="D55" s="73"/>
      <c r="E55" s="73"/>
      <c r="F55" s="73"/>
      <c r="G55" s="73"/>
      <c r="H55" s="75"/>
      <c r="I55" s="76"/>
      <c r="J55" s="75"/>
      <c r="K55" s="120"/>
      <c r="L55" s="97"/>
      <c r="M55" s="97"/>
      <c r="N55" s="50"/>
      <c r="O55" s="50"/>
      <c r="P55" s="50"/>
    </row>
    <row r="56" spans="1:62" s="18" customFormat="1" ht="20.100000000000001" customHeight="1" x14ac:dyDescent="0.2">
      <c r="A56" s="42" t="s">
        <v>3</v>
      </c>
      <c r="B56" s="42"/>
      <c r="C56" s="141"/>
      <c r="D56" s="141"/>
      <c r="E56" s="25"/>
      <c r="F56" s="17"/>
      <c r="G56" s="17"/>
      <c r="H56" s="17"/>
      <c r="I56" s="17"/>
      <c r="J56" s="17"/>
      <c r="K56" s="26"/>
      <c r="L56" s="26"/>
    </row>
    <row r="57" spans="1:62" s="18" customFormat="1" ht="20.100000000000001" customHeight="1" x14ac:dyDescent="0.2">
      <c r="A57" s="42" t="s">
        <v>4</v>
      </c>
      <c r="B57" s="42"/>
      <c r="C57" s="140"/>
      <c r="D57" s="140"/>
      <c r="E57" s="20"/>
      <c r="F57" s="17"/>
      <c r="G57" s="17"/>
      <c r="H57" s="17"/>
      <c r="I57" s="17"/>
      <c r="J57" s="17"/>
      <c r="K57" s="21"/>
      <c r="L57" s="22"/>
    </row>
    <row r="58" spans="1:62" s="18" customFormat="1" ht="20.100000000000001" customHeight="1" x14ac:dyDescent="0.2">
      <c r="A58" s="42" t="s">
        <v>5</v>
      </c>
      <c r="B58" s="42"/>
      <c r="C58" s="140"/>
      <c r="D58" s="140"/>
      <c r="E58" s="20"/>
      <c r="F58" s="17"/>
      <c r="G58" s="17"/>
      <c r="H58" s="17"/>
      <c r="I58" s="17"/>
      <c r="J58" s="17"/>
      <c r="K58" s="21"/>
      <c r="L58" s="22"/>
    </row>
    <row r="59" spans="1:62" s="18" customFormat="1" ht="20.100000000000001" customHeight="1" x14ac:dyDescent="0.25">
      <c r="A59" s="42"/>
      <c r="B59" s="42"/>
      <c r="C59" s="42"/>
      <c r="D59" s="19"/>
      <c r="E59" s="20"/>
      <c r="F59" s="17"/>
      <c r="G59" s="17"/>
      <c r="H59" s="17"/>
      <c r="I59" s="17"/>
      <c r="J59" s="17"/>
      <c r="K59" s="21"/>
      <c r="L59" s="22"/>
    </row>
    <row r="60" spans="1:62" s="18" customFormat="1" ht="20.100000000000001" customHeight="1" x14ac:dyDescent="0.2">
      <c r="A60" s="42" t="s">
        <v>6</v>
      </c>
      <c r="B60" s="42"/>
      <c r="C60" s="141"/>
      <c r="D60" s="141"/>
      <c r="E60" s="20"/>
      <c r="F60" s="17"/>
      <c r="G60" s="17"/>
      <c r="H60" s="17"/>
      <c r="I60" s="17"/>
      <c r="J60" s="17"/>
      <c r="K60" s="21"/>
      <c r="L60" s="22"/>
    </row>
    <row r="61" spans="1:62" s="18" customFormat="1" ht="20.100000000000001" customHeight="1" x14ac:dyDescent="0.2">
      <c r="A61" s="42" t="s">
        <v>7</v>
      </c>
      <c r="B61" s="42"/>
      <c r="C61" s="140"/>
      <c r="D61" s="140"/>
      <c r="E61" s="20"/>
      <c r="F61" s="17"/>
      <c r="G61" s="27" t="s">
        <v>20</v>
      </c>
      <c r="H61" s="151"/>
      <c r="I61" s="151"/>
      <c r="J61" s="17"/>
      <c r="K61" s="21"/>
      <c r="L61" s="22"/>
    </row>
    <row r="62" spans="1:62" s="18" customFormat="1" ht="20.100000000000001" customHeight="1" x14ac:dyDescent="0.2">
      <c r="A62" s="42" t="s">
        <v>8</v>
      </c>
      <c r="B62" s="42"/>
      <c r="C62" s="140"/>
      <c r="D62" s="140"/>
      <c r="E62" s="20"/>
      <c r="F62" s="17"/>
      <c r="G62" s="28"/>
      <c r="H62" s="29"/>
      <c r="I62" s="29"/>
    </row>
    <row r="63" spans="1:62" s="18" customFormat="1" ht="20.100000000000001" customHeight="1" x14ac:dyDescent="0.25">
      <c r="A63" s="19"/>
      <c r="B63" s="19"/>
      <c r="C63" s="19"/>
      <c r="D63" s="20"/>
      <c r="E63" s="20"/>
      <c r="F63" s="17"/>
      <c r="G63" s="30" t="s">
        <v>21</v>
      </c>
      <c r="H63" s="152"/>
      <c r="I63" s="152"/>
    </row>
    <row r="64" spans="1:62" s="18" customFormat="1" ht="20.100000000000001" customHeight="1" x14ac:dyDescent="0.25">
      <c r="A64" s="19"/>
      <c r="B64" s="19"/>
      <c r="C64" s="19"/>
      <c r="D64" s="20"/>
      <c r="E64" s="20"/>
      <c r="F64" s="17"/>
      <c r="G64" s="30" t="s">
        <v>22</v>
      </c>
      <c r="H64" s="150"/>
      <c r="I64" s="150"/>
    </row>
    <row r="65" spans="1:13" s="13" customFormat="1" ht="20.100000000000001" customHeight="1" x14ac:dyDescent="0.2">
      <c r="A65" s="10" t="s">
        <v>2</v>
      </c>
      <c r="B65" s="140"/>
      <c r="C65" s="140"/>
      <c r="D65" s="11"/>
      <c r="E65" s="11"/>
      <c r="F65" s="14"/>
      <c r="G65" s="31" t="s">
        <v>23</v>
      </c>
      <c r="H65" s="28"/>
      <c r="I65" s="32"/>
      <c r="M65" s="10"/>
    </row>
    <row r="66" spans="1:13" s="13" customFormat="1" ht="20.100000000000001" customHeight="1" x14ac:dyDescent="0.2">
      <c r="A66" s="10" t="s">
        <v>1</v>
      </c>
      <c r="B66" s="149"/>
      <c r="C66" s="149"/>
      <c r="D66" s="11"/>
      <c r="E66" s="11"/>
      <c r="F66" s="14"/>
      <c r="G66" s="14"/>
      <c r="H66" s="14"/>
      <c r="I66" s="14"/>
      <c r="M66" s="10"/>
    </row>
    <row r="67" spans="1:13" s="13" customFormat="1" x14ac:dyDescent="0.2">
      <c r="A67" s="10"/>
      <c r="B67" s="10"/>
      <c r="C67" s="10"/>
      <c r="D67" s="11"/>
      <c r="E67" s="11"/>
      <c r="F67" s="14"/>
      <c r="G67" s="14"/>
      <c r="H67" s="14"/>
      <c r="I67" s="14"/>
      <c r="J67" s="14"/>
      <c r="K67" s="12"/>
      <c r="L67" s="10"/>
      <c r="M67" s="10"/>
    </row>
    <row r="68" spans="1:13" s="13" customFormat="1" ht="15" customHeight="1" x14ac:dyDescent="0.2">
      <c r="A68" s="10"/>
      <c r="B68" s="10"/>
      <c r="D68" s="11"/>
      <c r="E68" s="11"/>
      <c r="F68" s="14"/>
      <c r="G68" s="14"/>
      <c r="H68" s="14"/>
      <c r="I68" s="14"/>
      <c r="J68" s="14"/>
      <c r="K68" s="12"/>
      <c r="L68" s="10"/>
      <c r="M68" s="10"/>
    </row>
    <row r="69" spans="1:13" s="2" customFormat="1" x14ac:dyDescent="0.2">
      <c r="A69" s="148" t="s">
        <v>10</v>
      </c>
      <c r="B69" s="148"/>
      <c r="D69" s="3"/>
      <c r="E69" s="3"/>
      <c r="F69" s="4"/>
      <c r="G69" s="4"/>
      <c r="H69" s="4"/>
      <c r="I69" s="4"/>
      <c r="J69" s="4"/>
      <c r="K69" s="15"/>
    </row>
    <row r="70" spans="1:13" ht="14.25" x14ac:dyDescent="0.2">
      <c r="A70" s="33"/>
      <c r="B70" s="34" t="s">
        <v>11</v>
      </c>
    </row>
    <row r="71" spans="1:13" ht="6.75" customHeight="1" x14ac:dyDescent="0.2">
      <c r="A71" s="35"/>
      <c r="B71" s="36"/>
    </row>
  </sheetData>
  <mergeCells count="84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5:K15"/>
    <mergeCell ref="A16:A17"/>
    <mergeCell ref="B16:B17"/>
    <mergeCell ref="C16:C17"/>
    <mergeCell ref="D16:D17"/>
    <mergeCell ref="E16:E17"/>
    <mergeCell ref="F16:F17"/>
    <mergeCell ref="G16:G17"/>
    <mergeCell ref="K27:K29"/>
    <mergeCell ref="H16:J16"/>
    <mergeCell ref="K16:K17"/>
    <mergeCell ref="L16:M16"/>
    <mergeCell ref="K19:K21"/>
    <mergeCell ref="A23:K23"/>
    <mergeCell ref="A24:A25"/>
    <mergeCell ref="B24:B25"/>
    <mergeCell ref="C24:C25"/>
    <mergeCell ref="D24:D25"/>
    <mergeCell ref="E24:E25"/>
    <mergeCell ref="F24:F25"/>
    <mergeCell ref="G24:G25"/>
    <mergeCell ref="H24:J24"/>
    <mergeCell ref="K24:K25"/>
    <mergeCell ref="L24:M24"/>
    <mergeCell ref="A31:K31"/>
    <mergeCell ref="A32:A33"/>
    <mergeCell ref="B32:B33"/>
    <mergeCell ref="C32:C33"/>
    <mergeCell ref="D32:D33"/>
    <mergeCell ref="E32:E33"/>
    <mergeCell ref="F32:F33"/>
    <mergeCell ref="G32:G33"/>
    <mergeCell ref="H32:J32"/>
    <mergeCell ref="K32:K33"/>
    <mergeCell ref="L32:M32"/>
    <mergeCell ref="K35:K37"/>
    <mergeCell ref="A39:K39"/>
    <mergeCell ref="A40:A41"/>
    <mergeCell ref="B40:B41"/>
    <mergeCell ref="C40:C41"/>
    <mergeCell ref="D40:D41"/>
    <mergeCell ref="E40:E41"/>
    <mergeCell ref="F40:F41"/>
    <mergeCell ref="G40:G41"/>
    <mergeCell ref="K48:K49"/>
    <mergeCell ref="L48:M48"/>
    <mergeCell ref="K51:K53"/>
    <mergeCell ref="H40:J40"/>
    <mergeCell ref="K40:K41"/>
    <mergeCell ref="L40:M40"/>
    <mergeCell ref="K43:K45"/>
    <mergeCell ref="A47:K47"/>
    <mergeCell ref="A48:A49"/>
    <mergeCell ref="B48:B49"/>
    <mergeCell ref="C48:C49"/>
    <mergeCell ref="D48:D49"/>
    <mergeCell ref="E48:E49"/>
    <mergeCell ref="C62:D62"/>
    <mergeCell ref="H61:I61"/>
    <mergeCell ref="F48:F49"/>
    <mergeCell ref="G48:G49"/>
    <mergeCell ref="H48:J48"/>
    <mergeCell ref="C56:D56"/>
    <mergeCell ref="C57:D57"/>
    <mergeCell ref="C58:D58"/>
    <mergeCell ref="C60:D60"/>
    <mergeCell ref="C61:D61"/>
    <mergeCell ref="H63:I63"/>
    <mergeCell ref="H64:I64"/>
    <mergeCell ref="B65:C65"/>
    <mergeCell ref="B66:C66"/>
    <mergeCell ref="A69:B69"/>
  </mergeCells>
  <conditionalFormatting sqref="B65:C65">
    <cfRule type="containsBlanks" dxfId="65" priority="6">
      <formula>LEN(TRIM(B65))=0</formula>
    </cfRule>
  </conditionalFormatting>
  <conditionalFormatting sqref="B66:C66">
    <cfRule type="containsBlanks" dxfId="64" priority="5">
      <formula>LEN(TRIM(B66))=0</formula>
    </cfRule>
  </conditionalFormatting>
  <conditionalFormatting sqref="H63:I63">
    <cfRule type="containsBlanks" dxfId="63" priority="4">
      <formula>LEN(TRIM(H63))=0</formula>
    </cfRule>
  </conditionalFormatting>
  <conditionalFormatting sqref="H64:I64">
    <cfRule type="containsBlanks" dxfId="62" priority="3">
      <formula>LEN(TRIM(H64))=0</formula>
    </cfRule>
  </conditionalFormatting>
  <conditionalFormatting sqref="C56:D58">
    <cfRule type="containsBlanks" dxfId="61" priority="2">
      <formula>LEN(TRIM(C56))=0</formula>
    </cfRule>
  </conditionalFormatting>
  <conditionalFormatting sqref="C60:D62">
    <cfRule type="containsBlanks" dxfId="60" priority="1">
      <formula>LEN(TRIM(C60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2" max="12" man="1"/>
    <brk id="46" max="12" man="1"/>
  </rowBreaks>
  <colBreaks count="1" manualBreakCount="1">
    <brk id="13" max="28" man="1"/>
  </colBreaks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79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47" t="s">
        <v>432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433</v>
      </c>
      <c r="C9" s="114" t="s">
        <v>46</v>
      </c>
      <c r="D9" s="119">
        <v>2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434</v>
      </c>
      <c r="C10" s="114" t="s">
        <v>46</v>
      </c>
      <c r="D10" s="119">
        <v>4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435</v>
      </c>
      <c r="C11" s="114" t="s">
        <v>46</v>
      </c>
      <c r="D11" s="119">
        <v>22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436</v>
      </c>
      <c r="C12" s="114" t="s">
        <v>46</v>
      </c>
      <c r="D12" s="119">
        <v>4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437</v>
      </c>
      <c r="C13" s="114" t="s">
        <v>46</v>
      </c>
      <c r="D13" s="119">
        <v>8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thickBot="1" x14ac:dyDescent="0.3">
      <c r="A14" s="51" t="s">
        <v>16</v>
      </c>
      <c r="B14" s="52" t="s">
        <v>438</v>
      </c>
      <c r="C14" s="114" t="s">
        <v>46</v>
      </c>
      <c r="D14" s="119">
        <v>8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5" customFormat="1" ht="33" customHeight="1" thickBot="1" x14ac:dyDescent="0.3">
      <c r="A15" s="60"/>
      <c r="B15" s="61"/>
      <c r="C15" s="61"/>
      <c r="D15" s="61"/>
      <c r="E15" s="62"/>
      <c r="F15" s="62"/>
      <c r="G15" s="62"/>
      <c r="H15" s="62"/>
      <c r="I15" s="61"/>
      <c r="J15" s="61"/>
      <c r="K15" s="61"/>
      <c r="L15" s="98">
        <f>SUM(L9:L14)</f>
        <v>0</v>
      </c>
      <c r="M15" s="116">
        <f>SUM(M9:M14)</f>
        <v>0</v>
      </c>
      <c r="O15" s="63"/>
      <c r="P15" s="63"/>
    </row>
    <row r="16" spans="1:22" s="46" customFormat="1" ht="29.25" customHeight="1" x14ac:dyDescent="0.25">
      <c r="A16" s="139" t="s">
        <v>439</v>
      </c>
      <c r="B16" s="139"/>
      <c r="C16" s="139"/>
      <c r="D16" s="139"/>
      <c r="E16" s="139"/>
      <c r="F16" s="139"/>
      <c r="G16" s="139"/>
      <c r="H16" s="139"/>
      <c r="I16" s="139"/>
      <c r="J16" s="139"/>
      <c r="K16" s="139"/>
      <c r="L16" s="64"/>
      <c r="M16" s="64"/>
      <c r="N16" s="64"/>
      <c r="O16" s="64"/>
      <c r="P16" s="64"/>
    </row>
    <row r="17" spans="1:62" s="39" customFormat="1" ht="33" customHeight="1" x14ac:dyDescent="0.25">
      <c r="A17" s="128" t="s">
        <v>24</v>
      </c>
      <c r="B17" s="128" t="s">
        <v>39</v>
      </c>
      <c r="C17" s="128" t="s">
        <v>40</v>
      </c>
      <c r="D17" s="128" t="s">
        <v>30</v>
      </c>
      <c r="E17" s="128" t="s">
        <v>32</v>
      </c>
      <c r="F17" s="128" t="s">
        <v>41</v>
      </c>
      <c r="G17" s="128" t="s">
        <v>42</v>
      </c>
      <c r="H17" s="130" t="s">
        <v>45</v>
      </c>
      <c r="I17" s="131"/>
      <c r="J17" s="131"/>
      <c r="K17" s="132" t="s">
        <v>53</v>
      </c>
      <c r="L17" s="134"/>
      <c r="M17" s="134"/>
      <c r="N17" s="47"/>
      <c r="O17" s="47"/>
      <c r="P17" s="47"/>
    </row>
    <row r="18" spans="1:62" s="39" customFormat="1" ht="22.5" customHeight="1" x14ac:dyDescent="0.25">
      <c r="A18" s="129"/>
      <c r="B18" s="129"/>
      <c r="C18" s="129"/>
      <c r="D18" s="129"/>
      <c r="E18" s="129"/>
      <c r="F18" s="129"/>
      <c r="G18" s="129"/>
      <c r="H18" s="48" t="s">
        <v>26</v>
      </c>
      <c r="I18" s="49" t="s">
        <v>27</v>
      </c>
      <c r="J18" s="92" t="s">
        <v>28</v>
      </c>
      <c r="K18" s="133"/>
      <c r="L18" s="96"/>
      <c r="M18" s="96"/>
      <c r="N18" s="47"/>
      <c r="O18" s="47"/>
      <c r="P18" s="47"/>
    </row>
    <row r="19" spans="1:62" s="111" customFormat="1" ht="14.1" customHeight="1" x14ac:dyDescent="0.25">
      <c r="A19" s="102" t="s">
        <v>0</v>
      </c>
      <c r="B19" s="103" t="s">
        <v>12</v>
      </c>
      <c r="C19" s="103" t="s">
        <v>13</v>
      </c>
      <c r="D19" s="103" t="s">
        <v>14</v>
      </c>
      <c r="E19" s="112" t="s">
        <v>15</v>
      </c>
      <c r="F19" s="104" t="s">
        <v>16</v>
      </c>
      <c r="G19" s="99" t="s">
        <v>17</v>
      </c>
      <c r="H19" s="105" t="s">
        <v>18</v>
      </c>
      <c r="I19" s="106" t="s">
        <v>19</v>
      </c>
      <c r="J19" s="107" t="s">
        <v>35</v>
      </c>
      <c r="K19" s="108" t="s">
        <v>36</v>
      </c>
      <c r="L19" s="117"/>
      <c r="M19" s="117"/>
      <c r="N19" s="109"/>
      <c r="O19" s="109"/>
      <c r="P19" s="109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A19" s="110"/>
      <c r="AB19" s="110"/>
      <c r="AC19" s="110"/>
      <c r="AD19" s="110"/>
      <c r="AE19" s="110"/>
      <c r="AF19" s="110"/>
      <c r="AG19" s="110"/>
      <c r="AH19" s="110"/>
      <c r="AI19" s="110"/>
      <c r="AJ19" s="110"/>
      <c r="AK19" s="110"/>
      <c r="AL19" s="110"/>
      <c r="AM19" s="110"/>
      <c r="AN19" s="110"/>
      <c r="AO19" s="110"/>
      <c r="AP19" s="110"/>
      <c r="AQ19" s="110"/>
      <c r="AR19" s="110"/>
      <c r="AS19" s="110"/>
      <c r="AT19" s="110"/>
      <c r="AU19" s="110"/>
      <c r="AV19" s="110"/>
      <c r="AW19" s="110"/>
      <c r="AX19" s="110"/>
      <c r="AY19" s="110"/>
      <c r="AZ19" s="110"/>
      <c r="BA19" s="110"/>
      <c r="BB19" s="110"/>
      <c r="BC19" s="110"/>
      <c r="BD19" s="110"/>
      <c r="BE19" s="110"/>
      <c r="BF19" s="110"/>
      <c r="BG19" s="110"/>
      <c r="BH19" s="110"/>
      <c r="BI19" s="110"/>
      <c r="BJ19" s="110"/>
    </row>
    <row r="20" spans="1:62" s="40" customFormat="1" ht="33" customHeight="1" x14ac:dyDescent="0.25">
      <c r="A20" s="86" t="s">
        <v>0</v>
      </c>
      <c r="B20" s="65"/>
      <c r="C20" s="66"/>
      <c r="D20" s="84"/>
      <c r="E20" s="84"/>
      <c r="F20" s="84"/>
      <c r="G20" s="84"/>
      <c r="H20" s="67"/>
      <c r="I20" s="68"/>
      <c r="J20" s="93"/>
      <c r="K20" s="135" t="s">
        <v>169</v>
      </c>
      <c r="L20" s="97"/>
      <c r="M20" s="97"/>
      <c r="N20" s="50"/>
      <c r="O20" s="50"/>
      <c r="P20" s="50"/>
    </row>
    <row r="21" spans="1:62" s="40" customFormat="1" ht="33" customHeight="1" x14ac:dyDescent="0.25">
      <c r="A21" s="85" t="s">
        <v>12</v>
      </c>
      <c r="B21" s="69"/>
      <c r="C21" s="70"/>
      <c r="D21" s="85"/>
      <c r="E21" s="85"/>
      <c r="F21" s="85"/>
      <c r="G21" s="86"/>
      <c r="H21" s="71"/>
      <c r="I21" s="72"/>
      <c r="J21" s="94"/>
      <c r="K21" s="136"/>
      <c r="L21" s="97"/>
      <c r="M21" s="97"/>
      <c r="N21" s="50"/>
      <c r="O21" s="50"/>
      <c r="P21" s="50"/>
    </row>
    <row r="22" spans="1:62" s="40" customFormat="1" ht="33" customHeight="1" x14ac:dyDescent="0.25">
      <c r="A22" s="87" t="s">
        <v>13</v>
      </c>
      <c r="B22" s="88"/>
      <c r="C22" s="89"/>
      <c r="D22" s="87"/>
      <c r="E22" s="87"/>
      <c r="F22" s="87"/>
      <c r="G22" s="87"/>
      <c r="H22" s="90"/>
      <c r="I22" s="91"/>
      <c r="J22" s="95"/>
      <c r="K22" s="137"/>
      <c r="L22" s="97"/>
      <c r="M22" s="97"/>
      <c r="N22" s="50"/>
      <c r="O22" s="50"/>
      <c r="P22" s="50"/>
    </row>
    <row r="23" spans="1:62" s="13" customFormat="1" ht="15.75" customHeight="1" x14ac:dyDescent="0.2">
      <c r="A23" s="23"/>
      <c r="B23" s="23"/>
      <c r="C23" s="10"/>
      <c r="D23" s="41"/>
      <c r="F23" s="14"/>
      <c r="G23" s="14"/>
      <c r="H23" s="14"/>
      <c r="I23" s="14"/>
      <c r="J23" s="26"/>
      <c r="K23" s="26"/>
      <c r="L23" s="26"/>
      <c r="M23" s="26"/>
    </row>
    <row r="24" spans="1:62" s="46" customFormat="1" ht="29.25" customHeight="1" x14ac:dyDescent="0.25">
      <c r="A24" s="139" t="s">
        <v>440</v>
      </c>
      <c r="B24" s="139"/>
      <c r="C24" s="139"/>
      <c r="D24" s="139"/>
      <c r="E24" s="139"/>
      <c r="F24" s="139"/>
      <c r="G24" s="139"/>
      <c r="H24" s="139"/>
      <c r="I24" s="139"/>
      <c r="J24" s="139"/>
      <c r="K24" s="139"/>
      <c r="L24" s="64"/>
      <c r="M24" s="64"/>
      <c r="N24" s="64"/>
      <c r="O24" s="64"/>
      <c r="P24" s="64"/>
    </row>
    <row r="25" spans="1:62" s="39" customFormat="1" ht="33" customHeight="1" x14ac:dyDescent="0.25">
      <c r="A25" s="128" t="s">
        <v>24</v>
      </c>
      <c r="B25" s="128" t="s">
        <v>39</v>
      </c>
      <c r="C25" s="128" t="s">
        <v>40</v>
      </c>
      <c r="D25" s="128" t="s">
        <v>30</v>
      </c>
      <c r="E25" s="128" t="s">
        <v>32</v>
      </c>
      <c r="F25" s="128" t="s">
        <v>41</v>
      </c>
      <c r="G25" s="128" t="s">
        <v>42</v>
      </c>
      <c r="H25" s="130" t="s">
        <v>45</v>
      </c>
      <c r="I25" s="131"/>
      <c r="J25" s="131"/>
      <c r="K25" s="132" t="s">
        <v>53</v>
      </c>
      <c r="L25" s="134"/>
      <c r="M25" s="134"/>
      <c r="N25" s="47"/>
      <c r="O25" s="47"/>
      <c r="P25" s="47"/>
    </row>
    <row r="26" spans="1:62" s="39" customFormat="1" ht="22.5" customHeight="1" x14ac:dyDescent="0.25">
      <c r="A26" s="129"/>
      <c r="B26" s="129"/>
      <c r="C26" s="129"/>
      <c r="D26" s="129"/>
      <c r="E26" s="129"/>
      <c r="F26" s="129"/>
      <c r="G26" s="129"/>
      <c r="H26" s="48" t="s">
        <v>26</v>
      </c>
      <c r="I26" s="49" t="s">
        <v>27</v>
      </c>
      <c r="J26" s="92" t="s">
        <v>28</v>
      </c>
      <c r="K26" s="133"/>
      <c r="L26" s="96"/>
      <c r="M26" s="96"/>
      <c r="N26" s="47"/>
      <c r="O26" s="47"/>
      <c r="P26" s="47"/>
    </row>
    <row r="27" spans="1:62" s="111" customFormat="1" ht="14.1" customHeight="1" x14ac:dyDescent="0.25">
      <c r="A27" s="102" t="s">
        <v>0</v>
      </c>
      <c r="B27" s="103" t="s">
        <v>12</v>
      </c>
      <c r="C27" s="103" t="s">
        <v>13</v>
      </c>
      <c r="D27" s="103" t="s">
        <v>14</v>
      </c>
      <c r="E27" s="112" t="s">
        <v>15</v>
      </c>
      <c r="F27" s="104" t="s">
        <v>16</v>
      </c>
      <c r="G27" s="99" t="s">
        <v>17</v>
      </c>
      <c r="H27" s="105" t="s">
        <v>18</v>
      </c>
      <c r="I27" s="106" t="s">
        <v>19</v>
      </c>
      <c r="J27" s="107" t="s">
        <v>35</v>
      </c>
      <c r="K27" s="108" t="s">
        <v>36</v>
      </c>
      <c r="L27" s="117"/>
      <c r="M27" s="117"/>
      <c r="N27" s="109"/>
      <c r="O27" s="109"/>
      <c r="P27" s="109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0"/>
      <c r="AP27" s="110"/>
      <c r="AQ27" s="110"/>
      <c r="AR27" s="110"/>
      <c r="AS27" s="110"/>
      <c r="AT27" s="110"/>
      <c r="AU27" s="110"/>
      <c r="AV27" s="110"/>
      <c r="AW27" s="110"/>
      <c r="AX27" s="110"/>
      <c r="AY27" s="110"/>
      <c r="AZ27" s="110"/>
      <c r="BA27" s="110"/>
      <c r="BB27" s="110"/>
      <c r="BC27" s="110"/>
      <c r="BD27" s="110"/>
      <c r="BE27" s="110"/>
      <c r="BF27" s="110"/>
      <c r="BG27" s="110"/>
      <c r="BH27" s="110"/>
      <c r="BI27" s="110"/>
      <c r="BJ27" s="110"/>
    </row>
    <row r="28" spans="1:62" s="40" customFormat="1" ht="33" customHeight="1" x14ac:dyDescent="0.25">
      <c r="A28" s="86" t="s">
        <v>0</v>
      </c>
      <c r="B28" s="65"/>
      <c r="C28" s="66"/>
      <c r="D28" s="84"/>
      <c r="E28" s="84"/>
      <c r="F28" s="84"/>
      <c r="G28" s="84"/>
      <c r="H28" s="67"/>
      <c r="I28" s="68"/>
      <c r="J28" s="93"/>
      <c r="K28" s="135" t="s">
        <v>173</v>
      </c>
      <c r="L28" s="97"/>
      <c r="M28" s="97"/>
      <c r="N28" s="50"/>
      <c r="O28" s="50"/>
      <c r="P28" s="50"/>
    </row>
    <row r="29" spans="1:62" s="40" customFormat="1" ht="33" customHeight="1" x14ac:dyDescent="0.25">
      <c r="A29" s="85" t="s">
        <v>12</v>
      </c>
      <c r="B29" s="69"/>
      <c r="C29" s="70"/>
      <c r="D29" s="85"/>
      <c r="E29" s="85"/>
      <c r="F29" s="85"/>
      <c r="G29" s="86"/>
      <c r="H29" s="71"/>
      <c r="I29" s="72"/>
      <c r="J29" s="94"/>
      <c r="K29" s="136"/>
      <c r="L29" s="97"/>
      <c r="M29" s="97"/>
      <c r="N29" s="50"/>
      <c r="O29" s="50"/>
      <c r="P29" s="50"/>
    </row>
    <row r="30" spans="1:62" s="40" customFormat="1" ht="33" customHeight="1" x14ac:dyDescent="0.25">
      <c r="A30" s="87" t="s">
        <v>13</v>
      </c>
      <c r="B30" s="88"/>
      <c r="C30" s="89"/>
      <c r="D30" s="87"/>
      <c r="E30" s="87"/>
      <c r="F30" s="87"/>
      <c r="G30" s="87"/>
      <c r="H30" s="90"/>
      <c r="I30" s="91"/>
      <c r="J30" s="95"/>
      <c r="K30" s="137"/>
      <c r="L30" s="97"/>
      <c r="M30" s="97"/>
      <c r="N30" s="50"/>
      <c r="O30" s="50"/>
      <c r="P30" s="50"/>
    </row>
    <row r="31" spans="1:62" s="45" customFormat="1" ht="33" customHeight="1" x14ac:dyDescent="0.25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127"/>
      <c r="M31" s="127"/>
      <c r="O31" s="63"/>
      <c r="P31" s="63"/>
    </row>
    <row r="32" spans="1:62" s="46" customFormat="1" ht="29.25" customHeight="1" x14ac:dyDescent="0.25">
      <c r="A32" s="139" t="s">
        <v>441</v>
      </c>
      <c r="B32" s="139"/>
      <c r="C32" s="139"/>
      <c r="D32" s="139"/>
      <c r="E32" s="139"/>
      <c r="F32" s="139"/>
      <c r="G32" s="139"/>
      <c r="H32" s="139"/>
      <c r="I32" s="139"/>
      <c r="J32" s="139"/>
      <c r="K32" s="139"/>
      <c r="L32" s="64"/>
      <c r="M32" s="64"/>
      <c r="N32" s="64"/>
      <c r="O32" s="64"/>
      <c r="P32" s="64"/>
    </row>
    <row r="33" spans="1:62" s="39" customFormat="1" ht="33" customHeight="1" x14ac:dyDescent="0.25">
      <c r="A33" s="128" t="s">
        <v>24</v>
      </c>
      <c r="B33" s="128" t="s">
        <v>39</v>
      </c>
      <c r="C33" s="128" t="s">
        <v>40</v>
      </c>
      <c r="D33" s="128" t="s">
        <v>30</v>
      </c>
      <c r="E33" s="128" t="s">
        <v>32</v>
      </c>
      <c r="F33" s="128" t="s">
        <v>41</v>
      </c>
      <c r="G33" s="128" t="s">
        <v>42</v>
      </c>
      <c r="H33" s="130" t="s">
        <v>45</v>
      </c>
      <c r="I33" s="131"/>
      <c r="J33" s="131"/>
      <c r="K33" s="132" t="s">
        <v>53</v>
      </c>
      <c r="L33" s="134"/>
      <c r="M33" s="134"/>
      <c r="N33" s="47"/>
      <c r="O33" s="47"/>
      <c r="P33" s="47"/>
    </row>
    <row r="34" spans="1:62" s="39" customFormat="1" ht="22.5" customHeight="1" x14ac:dyDescent="0.25">
      <c r="A34" s="129"/>
      <c r="B34" s="129"/>
      <c r="C34" s="129"/>
      <c r="D34" s="129"/>
      <c r="E34" s="129"/>
      <c r="F34" s="129"/>
      <c r="G34" s="129"/>
      <c r="H34" s="48" t="s">
        <v>26</v>
      </c>
      <c r="I34" s="49" t="s">
        <v>27</v>
      </c>
      <c r="J34" s="92" t="s">
        <v>28</v>
      </c>
      <c r="K34" s="133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35" t="s">
        <v>501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36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37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39" t="s">
        <v>442</v>
      </c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64"/>
      <c r="M40" s="64"/>
      <c r="N40" s="64"/>
      <c r="O40" s="64"/>
      <c r="P40" s="64"/>
    </row>
    <row r="41" spans="1:62" s="39" customFormat="1" ht="33" customHeight="1" x14ac:dyDescent="0.25">
      <c r="A41" s="128" t="s">
        <v>24</v>
      </c>
      <c r="B41" s="128" t="s">
        <v>39</v>
      </c>
      <c r="C41" s="128" t="s">
        <v>40</v>
      </c>
      <c r="D41" s="128" t="s">
        <v>30</v>
      </c>
      <c r="E41" s="128" t="s">
        <v>32</v>
      </c>
      <c r="F41" s="128" t="s">
        <v>41</v>
      </c>
      <c r="G41" s="128" t="s">
        <v>42</v>
      </c>
      <c r="H41" s="130" t="s">
        <v>45</v>
      </c>
      <c r="I41" s="131"/>
      <c r="J41" s="131"/>
      <c r="K41" s="132" t="s">
        <v>53</v>
      </c>
      <c r="L41" s="134"/>
      <c r="M41" s="134"/>
      <c r="N41" s="47"/>
      <c r="O41" s="47"/>
      <c r="P41" s="47"/>
    </row>
    <row r="42" spans="1:62" s="39" customFormat="1" ht="22.5" customHeight="1" x14ac:dyDescent="0.25">
      <c r="A42" s="129"/>
      <c r="B42" s="129"/>
      <c r="C42" s="129"/>
      <c r="D42" s="129"/>
      <c r="E42" s="129"/>
      <c r="F42" s="129"/>
      <c r="G42" s="129"/>
      <c r="H42" s="48" t="s">
        <v>26</v>
      </c>
      <c r="I42" s="49" t="s">
        <v>27</v>
      </c>
      <c r="J42" s="92" t="s">
        <v>28</v>
      </c>
      <c r="K42" s="133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35" t="s">
        <v>173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36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37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39" t="s">
        <v>443</v>
      </c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64"/>
      <c r="M48" s="64"/>
      <c r="N48" s="64"/>
      <c r="O48" s="64"/>
      <c r="P48" s="64"/>
    </row>
    <row r="49" spans="1:62" s="39" customFormat="1" ht="33" customHeight="1" x14ac:dyDescent="0.25">
      <c r="A49" s="128" t="s">
        <v>24</v>
      </c>
      <c r="B49" s="128" t="s">
        <v>39</v>
      </c>
      <c r="C49" s="128" t="s">
        <v>40</v>
      </c>
      <c r="D49" s="128" t="s">
        <v>30</v>
      </c>
      <c r="E49" s="128" t="s">
        <v>32</v>
      </c>
      <c r="F49" s="128" t="s">
        <v>41</v>
      </c>
      <c r="G49" s="128" t="s">
        <v>42</v>
      </c>
      <c r="H49" s="130" t="s">
        <v>45</v>
      </c>
      <c r="I49" s="131"/>
      <c r="J49" s="131"/>
      <c r="K49" s="132" t="s">
        <v>53</v>
      </c>
      <c r="L49" s="134"/>
      <c r="M49" s="134"/>
      <c r="N49" s="47"/>
      <c r="O49" s="47"/>
      <c r="P49" s="47"/>
    </row>
    <row r="50" spans="1:62" s="39" customFormat="1" ht="22.5" customHeight="1" x14ac:dyDescent="0.25">
      <c r="A50" s="129"/>
      <c r="B50" s="129"/>
      <c r="C50" s="129"/>
      <c r="D50" s="129"/>
      <c r="E50" s="129"/>
      <c r="F50" s="129"/>
      <c r="G50" s="129"/>
      <c r="H50" s="48" t="s">
        <v>26</v>
      </c>
      <c r="I50" s="49" t="s">
        <v>27</v>
      </c>
      <c r="J50" s="92" t="s">
        <v>28</v>
      </c>
      <c r="K50" s="133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35" t="s">
        <v>295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36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37"/>
      <c r="L54" s="97"/>
      <c r="M54" s="97"/>
      <c r="N54" s="50"/>
      <c r="O54" s="50"/>
      <c r="P54" s="50"/>
    </row>
    <row r="55" spans="1:62" s="45" customFormat="1" ht="33" customHeight="1" x14ac:dyDescent="0.25">
      <c r="A55" s="60"/>
      <c r="B55" s="61"/>
      <c r="C55" s="61"/>
      <c r="D55" s="61"/>
      <c r="E55" s="62"/>
      <c r="F55" s="62"/>
      <c r="G55" s="62"/>
      <c r="H55" s="62"/>
      <c r="I55" s="61"/>
      <c r="J55" s="61"/>
      <c r="K55" s="61"/>
      <c r="L55" s="127"/>
      <c r="M55" s="127"/>
      <c r="O55" s="63"/>
      <c r="P55" s="63"/>
    </row>
    <row r="56" spans="1:62" s="46" customFormat="1" ht="29.25" customHeight="1" x14ac:dyDescent="0.25">
      <c r="A56" s="139" t="s">
        <v>444</v>
      </c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64"/>
      <c r="M56" s="64"/>
      <c r="N56" s="64"/>
      <c r="O56" s="64"/>
      <c r="P56" s="64"/>
    </row>
    <row r="57" spans="1:62" s="39" customFormat="1" ht="33" customHeight="1" x14ac:dyDescent="0.25">
      <c r="A57" s="128" t="s">
        <v>24</v>
      </c>
      <c r="B57" s="128" t="s">
        <v>39</v>
      </c>
      <c r="C57" s="128" t="s">
        <v>40</v>
      </c>
      <c r="D57" s="128" t="s">
        <v>30</v>
      </c>
      <c r="E57" s="128" t="s">
        <v>32</v>
      </c>
      <c r="F57" s="128" t="s">
        <v>41</v>
      </c>
      <c r="G57" s="128" t="s">
        <v>42</v>
      </c>
      <c r="H57" s="130" t="s">
        <v>45</v>
      </c>
      <c r="I57" s="131"/>
      <c r="J57" s="131"/>
      <c r="K57" s="132" t="s">
        <v>53</v>
      </c>
      <c r="L57" s="134"/>
      <c r="M57" s="134"/>
      <c r="N57" s="47"/>
      <c r="O57" s="47"/>
      <c r="P57" s="47"/>
    </row>
    <row r="58" spans="1:62" s="39" customFormat="1" ht="22.5" customHeight="1" x14ac:dyDescent="0.25">
      <c r="A58" s="129"/>
      <c r="B58" s="129"/>
      <c r="C58" s="129"/>
      <c r="D58" s="129"/>
      <c r="E58" s="129"/>
      <c r="F58" s="129"/>
      <c r="G58" s="129"/>
      <c r="H58" s="48" t="s">
        <v>26</v>
      </c>
      <c r="I58" s="49" t="s">
        <v>27</v>
      </c>
      <c r="J58" s="92" t="s">
        <v>28</v>
      </c>
      <c r="K58" s="133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35" t="s">
        <v>295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36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37"/>
      <c r="L62" s="97"/>
      <c r="M62" s="97"/>
      <c r="N62" s="50"/>
      <c r="O62" s="50"/>
      <c r="P62" s="50"/>
    </row>
    <row r="63" spans="1:62" s="13" customFormat="1" ht="15.75" customHeight="1" x14ac:dyDescent="0.2">
      <c r="A63" s="23"/>
      <c r="B63" s="23"/>
      <c r="C63" s="10"/>
      <c r="D63" s="41"/>
      <c r="F63" s="14"/>
      <c r="G63" s="14"/>
      <c r="H63" s="14"/>
      <c r="I63" s="14"/>
      <c r="J63" s="26"/>
      <c r="K63" s="26"/>
      <c r="L63" s="26"/>
      <c r="M63" s="26"/>
    </row>
    <row r="64" spans="1:62" s="18" customFormat="1" ht="20.100000000000001" customHeight="1" x14ac:dyDescent="0.2">
      <c r="A64" s="42" t="s">
        <v>3</v>
      </c>
      <c r="B64" s="42"/>
      <c r="C64" s="141"/>
      <c r="D64" s="141"/>
      <c r="E64" s="25"/>
      <c r="F64" s="17"/>
      <c r="G64" s="17"/>
      <c r="H64" s="17"/>
      <c r="I64" s="17"/>
      <c r="J64" s="17"/>
      <c r="K64" s="26"/>
      <c r="L64" s="26"/>
    </row>
    <row r="65" spans="1:13" s="18" customFormat="1" ht="20.100000000000001" customHeight="1" x14ac:dyDescent="0.2">
      <c r="A65" s="42" t="s">
        <v>4</v>
      </c>
      <c r="B65" s="42"/>
      <c r="C65" s="140"/>
      <c r="D65" s="140"/>
      <c r="E65" s="20"/>
      <c r="F65" s="17"/>
      <c r="G65" s="17"/>
      <c r="H65" s="17"/>
      <c r="I65" s="17"/>
      <c r="J65" s="17"/>
      <c r="K65" s="21"/>
      <c r="L65" s="22"/>
    </row>
    <row r="66" spans="1:13" s="18" customFormat="1" ht="20.100000000000001" customHeight="1" x14ac:dyDescent="0.2">
      <c r="A66" s="42" t="s">
        <v>5</v>
      </c>
      <c r="B66" s="42"/>
      <c r="C66" s="140"/>
      <c r="D66" s="140"/>
      <c r="E66" s="20"/>
      <c r="F66" s="17"/>
      <c r="G66" s="17"/>
      <c r="H66" s="17"/>
      <c r="I66" s="17"/>
      <c r="J66" s="17"/>
      <c r="K66" s="21"/>
      <c r="L66" s="22"/>
    </row>
    <row r="67" spans="1:13" s="18" customFormat="1" ht="20.100000000000001" customHeight="1" x14ac:dyDescent="0.25">
      <c r="A67" s="42"/>
      <c r="B67" s="42"/>
      <c r="C67" s="42"/>
      <c r="D67" s="19"/>
      <c r="E67" s="20"/>
      <c r="F67" s="17"/>
      <c r="G67" s="17"/>
      <c r="H67" s="17"/>
      <c r="I67" s="17"/>
      <c r="J67" s="17"/>
      <c r="K67" s="21"/>
      <c r="L67" s="22"/>
    </row>
    <row r="68" spans="1:13" s="18" customFormat="1" ht="20.100000000000001" customHeight="1" x14ac:dyDescent="0.2">
      <c r="A68" s="42" t="s">
        <v>6</v>
      </c>
      <c r="B68" s="42"/>
      <c r="C68" s="141"/>
      <c r="D68" s="141"/>
      <c r="E68" s="20"/>
      <c r="F68" s="17"/>
      <c r="G68" s="17"/>
      <c r="H68" s="17"/>
      <c r="I68" s="17"/>
      <c r="J68" s="17"/>
      <c r="K68" s="21"/>
      <c r="L68" s="22"/>
    </row>
    <row r="69" spans="1:13" s="18" customFormat="1" ht="20.100000000000001" customHeight="1" x14ac:dyDescent="0.2">
      <c r="A69" s="42" t="s">
        <v>7</v>
      </c>
      <c r="B69" s="42"/>
      <c r="C69" s="140"/>
      <c r="D69" s="140"/>
      <c r="E69" s="20"/>
      <c r="F69" s="17"/>
      <c r="G69" s="27" t="s">
        <v>20</v>
      </c>
      <c r="H69" s="151"/>
      <c r="I69" s="151"/>
      <c r="J69" s="17"/>
      <c r="K69" s="21"/>
      <c r="L69" s="22"/>
    </row>
    <row r="70" spans="1:13" s="18" customFormat="1" ht="20.100000000000001" customHeight="1" x14ac:dyDescent="0.2">
      <c r="A70" s="42" t="s">
        <v>8</v>
      </c>
      <c r="B70" s="42"/>
      <c r="C70" s="140"/>
      <c r="D70" s="140"/>
      <c r="E70" s="20"/>
      <c r="F70" s="17"/>
      <c r="G70" s="28"/>
      <c r="H70" s="29"/>
      <c r="I70" s="29"/>
    </row>
    <row r="71" spans="1:13" s="18" customFormat="1" ht="20.100000000000001" customHeight="1" x14ac:dyDescent="0.25">
      <c r="A71" s="19"/>
      <c r="B71" s="19"/>
      <c r="C71" s="19"/>
      <c r="D71" s="20"/>
      <c r="E71" s="20"/>
      <c r="F71" s="17"/>
      <c r="G71" s="30" t="s">
        <v>21</v>
      </c>
      <c r="H71" s="152"/>
      <c r="I71" s="152"/>
    </row>
    <row r="72" spans="1:13" s="18" customFormat="1" ht="20.100000000000001" customHeight="1" x14ac:dyDescent="0.25">
      <c r="A72" s="19"/>
      <c r="B72" s="19"/>
      <c r="C72" s="19"/>
      <c r="D72" s="20"/>
      <c r="E72" s="20"/>
      <c r="F72" s="17"/>
      <c r="G72" s="30" t="s">
        <v>22</v>
      </c>
      <c r="H72" s="150"/>
      <c r="I72" s="150"/>
    </row>
    <row r="73" spans="1:13" s="13" customFormat="1" ht="20.100000000000001" customHeight="1" x14ac:dyDescent="0.2">
      <c r="A73" s="10" t="s">
        <v>2</v>
      </c>
      <c r="B73" s="140"/>
      <c r="C73" s="140"/>
      <c r="D73" s="11"/>
      <c r="E73" s="11"/>
      <c r="F73" s="14"/>
      <c r="G73" s="31" t="s">
        <v>23</v>
      </c>
      <c r="H73" s="28"/>
      <c r="I73" s="32"/>
      <c r="M73" s="10"/>
    </row>
    <row r="74" spans="1:13" s="13" customFormat="1" ht="20.100000000000001" customHeight="1" x14ac:dyDescent="0.2">
      <c r="A74" s="10" t="s">
        <v>1</v>
      </c>
      <c r="B74" s="149"/>
      <c r="C74" s="149"/>
      <c r="D74" s="11"/>
      <c r="E74" s="11"/>
      <c r="F74" s="14"/>
      <c r="G74" s="14"/>
      <c r="H74" s="14"/>
      <c r="I74" s="14"/>
      <c r="M74" s="10"/>
    </row>
    <row r="75" spans="1:13" s="13" customFormat="1" x14ac:dyDescent="0.2">
      <c r="A75" s="10"/>
      <c r="B75" s="10"/>
      <c r="C75" s="10"/>
      <c r="D75" s="11"/>
      <c r="E75" s="11"/>
      <c r="F75" s="14"/>
      <c r="G75" s="14"/>
      <c r="H75" s="14"/>
      <c r="I75" s="14"/>
      <c r="J75" s="14"/>
      <c r="K75" s="12"/>
      <c r="L75" s="10"/>
      <c r="M75" s="10"/>
    </row>
    <row r="76" spans="1:13" s="13" customFormat="1" ht="15" customHeight="1" x14ac:dyDescent="0.2">
      <c r="A76" s="10"/>
      <c r="B76" s="10"/>
      <c r="D76" s="11"/>
      <c r="E76" s="11"/>
      <c r="F76" s="14"/>
      <c r="G76" s="14"/>
      <c r="H76" s="14"/>
      <c r="I76" s="14"/>
      <c r="J76" s="14"/>
      <c r="K76" s="12"/>
      <c r="L76" s="10"/>
      <c r="M76" s="10"/>
    </row>
    <row r="77" spans="1:13" s="2" customFormat="1" x14ac:dyDescent="0.2">
      <c r="A77" s="148" t="s">
        <v>10</v>
      </c>
      <c r="B77" s="148"/>
      <c r="D77" s="3"/>
      <c r="E77" s="3"/>
      <c r="F77" s="4"/>
      <c r="G77" s="4"/>
      <c r="H77" s="4"/>
      <c r="I77" s="4"/>
      <c r="J77" s="4"/>
      <c r="K77" s="15"/>
    </row>
    <row r="78" spans="1:13" ht="14.25" x14ac:dyDescent="0.2">
      <c r="A78" s="33"/>
      <c r="B78" s="34" t="s">
        <v>11</v>
      </c>
    </row>
    <row r="79" spans="1:13" ht="6.75" customHeight="1" x14ac:dyDescent="0.2">
      <c r="A79" s="35"/>
      <c r="B79" s="36"/>
    </row>
  </sheetData>
  <mergeCells count="9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6:K16"/>
    <mergeCell ref="A17:A18"/>
    <mergeCell ref="B17:B18"/>
    <mergeCell ref="C17:C18"/>
    <mergeCell ref="D17:D18"/>
    <mergeCell ref="E17:E18"/>
    <mergeCell ref="F17:F18"/>
    <mergeCell ref="G17:G18"/>
    <mergeCell ref="K28:K30"/>
    <mergeCell ref="H17:J17"/>
    <mergeCell ref="K17:K18"/>
    <mergeCell ref="L17:M17"/>
    <mergeCell ref="K20:K22"/>
    <mergeCell ref="A24:K24"/>
    <mergeCell ref="A25:A26"/>
    <mergeCell ref="B25:B26"/>
    <mergeCell ref="C25:C26"/>
    <mergeCell ref="D25:D26"/>
    <mergeCell ref="E25:E26"/>
    <mergeCell ref="F25:F26"/>
    <mergeCell ref="G25:G26"/>
    <mergeCell ref="H25:J25"/>
    <mergeCell ref="K25:K26"/>
    <mergeCell ref="L25:M25"/>
    <mergeCell ref="A32:K32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L33:M33"/>
    <mergeCell ref="K36:K38"/>
    <mergeCell ref="A40:K40"/>
    <mergeCell ref="A41:A42"/>
    <mergeCell ref="B41:B42"/>
    <mergeCell ref="C41:C42"/>
    <mergeCell ref="D41:D42"/>
    <mergeCell ref="E41:E42"/>
    <mergeCell ref="F41:F42"/>
    <mergeCell ref="G41:G42"/>
    <mergeCell ref="K52:K54"/>
    <mergeCell ref="H41:J41"/>
    <mergeCell ref="K41:K42"/>
    <mergeCell ref="L41:M41"/>
    <mergeCell ref="K44:K46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49:M49"/>
    <mergeCell ref="C64:D64"/>
    <mergeCell ref="C65:D65"/>
    <mergeCell ref="L57:M57"/>
    <mergeCell ref="K60:K62"/>
    <mergeCell ref="A56:K56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  <mergeCell ref="H72:I72"/>
    <mergeCell ref="B73:C73"/>
    <mergeCell ref="B74:C74"/>
    <mergeCell ref="A77:B77"/>
    <mergeCell ref="C66:D66"/>
    <mergeCell ref="C68:D68"/>
    <mergeCell ref="C69:D69"/>
    <mergeCell ref="H69:I69"/>
    <mergeCell ref="C70:D70"/>
    <mergeCell ref="H71:I71"/>
  </mergeCells>
  <conditionalFormatting sqref="B73:C73">
    <cfRule type="containsBlanks" dxfId="59" priority="6">
      <formula>LEN(TRIM(B73))=0</formula>
    </cfRule>
  </conditionalFormatting>
  <conditionalFormatting sqref="B74:C74">
    <cfRule type="containsBlanks" dxfId="58" priority="5">
      <formula>LEN(TRIM(B74))=0</formula>
    </cfRule>
  </conditionalFormatting>
  <conditionalFormatting sqref="H71:I71">
    <cfRule type="containsBlanks" dxfId="57" priority="4">
      <formula>LEN(TRIM(H71))=0</formula>
    </cfRule>
  </conditionalFormatting>
  <conditionalFormatting sqref="H72:I72">
    <cfRule type="containsBlanks" dxfId="56" priority="3">
      <formula>LEN(TRIM(H72))=0</formula>
    </cfRule>
  </conditionalFormatting>
  <conditionalFormatting sqref="C64:D66">
    <cfRule type="containsBlanks" dxfId="55" priority="2">
      <formula>LEN(TRIM(C64))=0</formula>
    </cfRule>
  </conditionalFormatting>
  <conditionalFormatting sqref="C68:D70">
    <cfRule type="containsBlanks" dxfId="54" priority="1">
      <formula>LEN(TRIM(C68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3" max="12" man="1"/>
    <brk id="47" max="12" man="1"/>
  </rowBreaks>
  <colBreaks count="1" manualBreakCount="1">
    <brk id="13" max="28" man="1"/>
  </colBreaks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79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47" t="s">
        <v>445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446</v>
      </c>
      <c r="C9" s="114" t="s">
        <v>46</v>
      </c>
      <c r="D9" s="119">
        <v>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447</v>
      </c>
      <c r="C10" s="114" t="s">
        <v>46</v>
      </c>
      <c r="D10" s="119">
        <v>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448</v>
      </c>
      <c r="C11" s="114" t="s">
        <v>46</v>
      </c>
      <c r="D11" s="119">
        <v>1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449</v>
      </c>
      <c r="C12" s="114" t="s">
        <v>46</v>
      </c>
      <c r="D12" s="119">
        <v>1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450</v>
      </c>
      <c r="C13" s="114" t="s">
        <v>46</v>
      </c>
      <c r="D13" s="119">
        <v>1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thickBot="1" x14ac:dyDescent="0.3">
      <c r="A14" s="51" t="s">
        <v>16</v>
      </c>
      <c r="B14" s="52" t="s">
        <v>451</v>
      </c>
      <c r="C14" s="114" t="s">
        <v>46</v>
      </c>
      <c r="D14" s="119">
        <v>10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5" customFormat="1" ht="33" customHeight="1" thickBot="1" x14ac:dyDescent="0.3">
      <c r="A15" s="60"/>
      <c r="B15" s="61"/>
      <c r="C15" s="61"/>
      <c r="D15" s="61"/>
      <c r="E15" s="62"/>
      <c r="F15" s="62"/>
      <c r="G15" s="62"/>
      <c r="H15" s="62"/>
      <c r="I15" s="61"/>
      <c r="J15" s="61"/>
      <c r="K15" s="61"/>
      <c r="L15" s="98">
        <f>SUM(L9:L14)</f>
        <v>0</v>
      </c>
      <c r="M15" s="116">
        <f>SUM(M9:M14)</f>
        <v>0</v>
      </c>
      <c r="O15" s="63"/>
      <c r="P15" s="63"/>
    </row>
    <row r="16" spans="1:22" s="46" customFormat="1" ht="29.25" customHeight="1" x14ac:dyDescent="0.25">
      <c r="A16" s="139" t="s">
        <v>452</v>
      </c>
      <c r="B16" s="139"/>
      <c r="C16" s="139"/>
      <c r="D16" s="139"/>
      <c r="E16" s="139"/>
      <c r="F16" s="139"/>
      <c r="G16" s="139"/>
      <c r="H16" s="139"/>
      <c r="I16" s="139"/>
      <c r="J16" s="139"/>
      <c r="K16" s="139"/>
      <c r="L16" s="64"/>
      <c r="M16" s="64"/>
      <c r="N16" s="64"/>
      <c r="O16" s="64"/>
      <c r="P16" s="64"/>
    </row>
    <row r="17" spans="1:62" s="39" customFormat="1" ht="33" customHeight="1" x14ac:dyDescent="0.25">
      <c r="A17" s="128" t="s">
        <v>24</v>
      </c>
      <c r="B17" s="128" t="s">
        <v>39</v>
      </c>
      <c r="C17" s="128" t="s">
        <v>40</v>
      </c>
      <c r="D17" s="128" t="s">
        <v>30</v>
      </c>
      <c r="E17" s="128" t="s">
        <v>32</v>
      </c>
      <c r="F17" s="128" t="s">
        <v>41</v>
      </c>
      <c r="G17" s="128" t="s">
        <v>42</v>
      </c>
      <c r="H17" s="130" t="s">
        <v>45</v>
      </c>
      <c r="I17" s="131"/>
      <c r="J17" s="131"/>
      <c r="K17" s="132" t="s">
        <v>53</v>
      </c>
      <c r="L17" s="134"/>
      <c r="M17" s="134"/>
      <c r="N17" s="47"/>
      <c r="O17" s="47"/>
      <c r="P17" s="47"/>
    </row>
    <row r="18" spans="1:62" s="39" customFormat="1" ht="22.5" customHeight="1" x14ac:dyDescent="0.25">
      <c r="A18" s="129"/>
      <c r="B18" s="129"/>
      <c r="C18" s="129"/>
      <c r="D18" s="129"/>
      <c r="E18" s="129"/>
      <c r="F18" s="129"/>
      <c r="G18" s="129"/>
      <c r="H18" s="48" t="s">
        <v>26</v>
      </c>
      <c r="I18" s="49" t="s">
        <v>27</v>
      </c>
      <c r="J18" s="92" t="s">
        <v>28</v>
      </c>
      <c r="K18" s="133"/>
      <c r="L18" s="96"/>
      <c r="M18" s="96"/>
      <c r="N18" s="47"/>
      <c r="O18" s="47"/>
      <c r="P18" s="47"/>
    </row>
    <row r="19" spans="1:62" s="111" customFormat="1" ht="14.1" customHeight="1" x14ac:dyDescent="0.25">
      <c r="A19" s="102" t="s">
        <v>0</v>
      </c>
      <c r="B19" s="103" t="s">
        <v>12</v>
      </c>
      <c r="C19" s="103" t="s">
        <v>13</v>
      </c>
      <c r="D19" s="103" t="s">
        <v>14</v>
      </c>
      <c r="E19" s="112" t="s">
        <v>15</v>
      </c>
      <c r="F19" s="104" t="s">
        <v>16</v>
      </c>
      <c r="G19" s="99" t="s">
        <v>17</v>
      </c>
      <c r="H19" s="105" t="s">
        <v>18</v>
      </c>
      <c r="I19" s="106" t="s">
        <v>19</v>
      </c>
      <c r="J19" s="107" t="s">
        <v>35</v>
      </c>
      <c r="K19" s="108" t="s">
        <v>36</v>
      </c>
      <c r="L19" s="117"/>
      <c r="M19" s="117"/>
      <c r="N19" s="109"/>
      <c r="O19" s="109"/>
      <c r="P19" s="109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A19" s="110"/>
      <c r="AB19" s="110"/>
      <c r="AC19" s="110"/>
      <c r="AD19" s="110"/>
      <c r="AE19" s="110"/>
      <c r="AF19" s="110"/>
      <c r="AG19" s="110"/>
      <c r="AH19" s="110"/>
      <c r="AI19" s="110"/>
      <c r="AJ19" s="110"/>
      <c r="AK19" s="110"/>
      <c r="AL19" s="110"/>
      <c r="AM19" s="110"/>
      <c r="AN19" s="110"/>
      <c r="AO19" s="110"/>
      <c r="AP19" s="110"/>
      <c r="AQ19" s="110"/>
      <c r="AR19" s="110"/>
      <c r="AS19" s="110"/>
      <c r="AT19" s="110"/>
      <c r="AU19" s="110"/>
      <c r="AV19" s="110"/>
      <c r="AW19" s="110"/>
      <c r="AX19" s="110"/>
      <c r="AY19" s="110"/>
      <c r="AZ19" s="110"/>
      <c r="BA19" s="110"/>
      <c r="BB19" s="110"/>
      <c r="BC19" s="110"/>
      <c r="BD19" s="110"/>
      <c r="BE19" s="110"/>
      <c r="BF19" s="110"/>
      <c r="BG19" s="110"/>
      <c r="BH19" s="110"/>
      <c r="BI19" s="110"/>
      <c r="BJ19" s="110"/>
    </row>
    <row r="20" spans="1:62" s="40" customFormat="1" ht="33" customHeight="1" x14ac:dyDescent="0.25">
      <c r="A20" s="86" t="s">
        <v>0</v>
      </c>
      <c r="B20" s="65"/>
      <c r="C20" s="66"/>
      <c r="D20" s="84"/>
      <c r="E20" s="84"/>
      <c r="F20" s="84"/>
      <c r="G20" s="84"/>
      <c r="H20" s="67"/>
      <c r="I20" s="68"/>
      <c r="J20" s="93"/>
      <c r="K20" s="135" t="s">
        <v>353</v>
      </c>
      <c r="L20" s="97"/>
      <c r="M20" s="97"/>
      <c r="N20" s="50"/>
      <c r="O20" s="50"/>
      <c r="P20" s="50"/>
    </row>
    <row r="21" spans="1:62" s="40" customFormat="1" ht="33" customHeight="1" x14ac:dyDescent="0.25">
      <c r="A21" s="85" t="s">
        <v>12</v>
      </c>
      <c r="B21" s="69"/>
      <c r="C21" s="70"/>
      <c r="D21" s="85"/>
      <c r="E21" s="85"/>
      <c r="F21" s="85"/>
      <c r="G21" s="86"/>
      <c r="H21" s="71"/>
      <c r="I21" s="72"/>
      <c r="J21" s="94"/>
      <c r="K21" s="136"/>
      <c r="L21" s="97"/>
      <c r="M21" s="97"/>
      <c r="N21" s="50"/>
      <c r="O21" s="50"/>
      <c r="P21" s="50"/>
    </row>
    <row r="22" spans="1:62" s="40" customFormat="1" ht="33" customHeight="1" x14ac:dyDescent="0.25">
      <c r="A22" s="87" t="s">
        <v>13</v>
      </c>
      <c r="B22" s="88"/>
      <c r="C22" s="89"/>
      <c r="D22" s="87"/>
      <c r="E22" s="87"/>
      <c r="F22" s="87"/>
      <c r="G22" s="87"/>
      <c r="H22" s="90"/>
      <c r="I22" s="91"/>
      <c r="J22" s="95"/>
      <c r="K22" s="137"/>
      <c r="L22" s="97"/>
      <c r="M22" s="97"/>
      <c r="N22" s="50"/>
      <c r="O22" s="50"/>
      <c r="P22" s="50"/>
    </row>
    <row r="23" spans="1:62" s="13" customFormat="1" ht="15.75" customHeight="1" x14ac:dyDescent="0.2">
      <c r="A23" s="23"/>
      <c r="B23" s="23"/>
      <c r="C23" s="10"/>
      <c r="D23" s="41"/>
      <c r="F23" s="14"/>
      <c r="G23" s="14"/>
      <c r="H23" s="14"/>
      <c r="I23" s="14"/>
      <c r="J23" s="26"/>
      <c r="K23" s="26"/>
      <c r="L23" s="26"/>
      <c r="M23" s="26"/>
    </row>
    <row r="24" spans="1:62" s="46" customFormat="1" ht="29.25" customHeight="1" x14ac:dyDescent="0.25">
      <c r="A24" s="139" t="s">
        <v>453</v>
      </c>
      <c r="B24" s="139"/>
      <c r="C24" s="139"/>
      <c r="D24" s="139"/>
      <c r="E24" s="139"/>
      <c r="F24" s="139"/>
      <c r="G24" s="139"/>
      <c r="H24" s="139"/>
      <c r="I24" s="139"/>
      <c r="J24" s="139"/>
      <c r="K24" s="139"/>
      <c r="L24" s="64"/>
      <c r="M24" s="64"/>
      <c r="N24" s="64"/>
      <c r="O24" s="64"/>
      <c r="P24" s="64"/>
    </row>
    <row r="25" spans="1:62" s="39" customFormat="1" ht="33" customHeight="1" x14ac:dyDescent="0.25">
      <c r="A25" s="128" t="s">
        <v>24</v>
      </c>
      <c r="B25" s="128" t="s">
        <v>39</v>
      </c>
      <c r="C25" s="128" t="s">
        <v>40</v>
      </c>
      <c r="D25" s="128" t="s">
        <v>30</v>
      </c>
      <c r="E25" s="128" t="s">
        <v>32</v>
      </c>
      <c r="F25" s="128" t="s">
        <v>41</v>
      </c>
      <c r="G25" s="128" t="s">
        <v>42</v>
      </c>
      <c r="H25" s="130" t="s">
        <v>45</v>
      </c>
      <c r="I25" s="131"/>
      <c r="J25" s="131"/>
      <c r="K25" s="132" t="s">
        <v>53</v>
      </c>
      <c r="L25" s="134"/>
      <c r="M25" s="134"/>
      <c r="N25" s="47"/>
      <c r="O25" s="47"/>
      <c r="P25" s="47"/>
    </row>
    <row r="26" spans="1:62" s="39" customFormat="1" ht="22.5" customHeight="1" x14ac:dyDescent="0.25">
      <c r="A26" s="129"/>
      <c r="B26" s="129"/>
      <c r="C26" s="129"/>
      <c r="D26" s="129"/>
      <c r="E26" s="129"/>
      <c r="F26" s="129"/>
      <c r="G26" s="129"/>
      <c r="H26" s="48" t="s">
        <v>26</v>
      </c>
      <c r="I26" s="49" t="s">
        <v>27</v>
      </c>
      <c r="J26" s="92" t="s">
        <v>28</v>
      </c>
      <c r="K26" s="133"/>
      <c r="L26" s="96"/>
      <c r="M26" s="96"/>
      <c r="N26" s="47"/>
      <c r="O26" s="47"/>
      <c r="P26" s="47"/>
    </row>
    <row r="27" spans="1:62" s="111" customFormat="1" ht="14.1" customHeight="1" x14ac:dyDescent="0.25">
      <c r="A27" s="102" t="s">
        <v>0</v>
      </c>
      <c r="B27" s="103" t="s">
        <v>12</v>
      </c>
      <c r="C27" s="103" t="s">
        <v>13</v>
      </c>
      <c r="D27" s="103" t="s">
        <v>14</v>
      </c>
      <c r="E27" s="112" t="s">
        <v>15</v>
      </c>
      <c r="F27" s="104" t="s">
        <v>16</v>
      </c>
      <c r="G27" s="99" t="s">
        <v>17</v>
      </c>
      <c r="H27" s="105" t="s">
        <v>18</v>
      </c>
      <c r="I27" s="106" t="s">
        <v>19</v>
      </c>
      <c r="J27" s="107" t="s">
        <v>35</v>
      </c>
      <c r="K27" s="108" t="s">
        <v>36</v>
      </c>
      <c r="L27" s="117"/>
      <c r="M27" s="117"/>
      <c r="N27" s="109"/>
      <c r="O27" s="109"/>
      <c r="P27" s="109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0"/>
      <c r="AP27" s="110"/>
      <c r="AQ27" s="110"/>
      <c r="AR27" s="110"/>
      <c r="AS27" s="110"/>
      <c r="AT27" s="110"/>
      <c r="AU27" s="110"/>
      <c r="AV27" s="110"/>
      <c r="AW27" s="110"/>
      <c r="AX27" s="110"/>
      <c r="AY27" s="110"/>
      <c r="AZ27" s="110"/>
      <c r="BA27" s="110"/>
      <c r="BB27" s="110"/>
      <c r="BC27" s="110"/>
      <c r="BD27" s="110"/>
      <c r="BE27" s="110"/>
      <c r="BF27" s="110"/>
      <c r="BG27" s="110"/>
      <c r="BH27" s="110"/>
      <c r="BI27" s="110"/>
      <c r="BJ27" s="110"/>
    </row>
    <row r="28" spans="1:62" s="40" customFormat="1" ht="33" customHeight="1" x14ac:dyDescent="0.25">
      <c r="A28" s="86" t="s">
        <v>0</v>
      </c>
      <c r="B28" s="65"/>
      <c r="C28" s="66"/>
      <c r="D28" s="84"/>
      <c r="E28" s="84"/>
      <c r="F28" s="84"/>
      <c r="G28" s="84"/>
      <c r="H28" s="67"/>
      <c r="I28" s="68"/>
      <c r="J28" s="93"/>
      <c r="K28" s="135" t="s">
        <v>69</v>
      </c>
      <c r="L28" s="97"/>
      <c r="M28" s="97"/>
      <c r="N28" s="50"/>
      <c r="O28" s="50"/>
      <c r="P28" s="50"/>
    </row>
    <row r="29" spans="1:62" s="40" customFormat="1" ht="33" customHeight="1" x14ac:dyDescent="0.25">
      <c r="A29" s="85" t="s">
        <v>12</v>
      </c>
      <c r="B29" s="69"/>
      <c r="C29" s="70"/>
      <c r="D29" s="85"/>
      <c r="E29" s="85"/>
      <c r="F29" s="85"/>
      <c r="G29" s="86"/>
      <c r="H29" s="71"/>
      <c r="I29" s="72"/>
      <c r="J29" s="94"/>
      <c r="K29" s="136"/>
      <c r="L29" s="97"/>
      <c r="M29" s="97"/>
      <c r="N29" s="50"/>
      <c r="O29" s="50"/>
      <c r="P29" s="50"/>
    </row>
    <row r="30" spans="1:62" s="40" customFormat="1" ht="33" customHeight="1" x14ac:dyDescent="0.25">
      <c r="A30" s="87" t="s">
        <v>13</v>
      </c>
      <c r="B30" s="88"/>
      <c r="C30" s="89"/>
      <c r="D30" s="87"/>
      <c r="E30" s="87"/>
      <c r="F30" s="87"/>
      <c r="G30" s="87"/>
      <c r="H30" s="90"/>
      <c r="I30" s="91"/>
      <c r="J30" s="95"/>
      <c r="K30" s="137"/>
      <c r="L30" s="97"/>
      <c r="M30" s="97"/>
      <c r="N30" s="50"/>
      <c r="O30" s="50"/>
      <c r="P30" s="50"/>
    </row>
    <row r="31" spans="1:62" s="45" customFormat="1" ht="33" customHeight="1" x14ac:dyDescent="0.25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127"/>
      <c r="M31" s="127"/>
      <c r="O31" s="63"/>
      <c r="P31" s="63"/>
    </row>
    <row r="32" spans="1:62" s="46" customFormat="1" ht="29.25" customHeight="1" x14ac:dyDescent="0.25">
      <c r="A32" s="139" t="s">
        <v>454</v>
      </c>
      <c r="B32" s="139"/>
      <c r="C32" s="139"/>
      <c r="D32" s="139"/>
      <c r="E32" s="139"/>
      <c r="F32" s="139"/>
      <c r="G32" s="139"/>
      <c r="H32" s="139"/>
      <c r="I32" s="139"/>
      <c r="J32" s="139"/>
      <c r="K32" s="139"/>
      <c r="L32" s="64"/>
      <c r="M32" s="64"/>
      <c r="N32" s="64"/>
      <c r="O32" s="64"/>
      <c r="P32" s="64"/>
    </row>
    <row r="33" spans="1:62" s="39" customFormat="1" ht="33" customHeight="1" x14ac:dyDescent="0.25">
      <c r="A33" s="128" t="s">
        <v>24</v>
      </c>
      <c r="B33" s="128" t="s">
        <v>39</v>
      </c>
      <c r="C33" s="128" t="s">
        <v>40</v>
      </c>
      <c r="D33" s="128" t="s">
        <v>30</v>
      </c>
      <c r="E33" s="128" t="s">
        <v>32</v>
      </c>
      <c r="F33" s="128" t="s">
        <v>41</v>
      </c>
      <c r="G33" s="128" t="s">
        <v>42</v>
      </c>
      <c r="H33" s="130" t="s">
        <v>45</v>
      </c>
      <c r="I33" s="131"/>
      <c r="J33" s="131"/>
      <c r="K33" s="132" t="s">
        <v>53</v>
      </c>
      <c r="L33" s="134"/>
      <c r="M33" s="134"/>
      <c r="N33" s="47"/>
      <c r="O33" s="47"/>
      <c r="P33" s="47"/>
    </row>
    <row r="34" spans="1:62" s="39" customFormat="1" ht="22.5" customHeight="1" x14ac:dyDescent="0.25">
      <c r="A34" s="129"/>
      <c r="B34" s="129"/>
      <c r="C34" s="129"/>
      <c r="D34" s="129"/>
      <c r="E34" s="129"/>
      <c r="F34" s="129"/>
      <c r="G34" s="129"/>
      <c r="H34" s="48" t="s">
        <v>26</v>
      </c>
      <c r="I34" s="49" t="s">
        <v>27</v>
      </c>
      <c r="J34" s="92" t="s">
        <v>28</v>
      </c>
      <c r="K34" s="133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35" t="s">
        <v>419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36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37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39" t="s">
        <v>455</v>
      </c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64"/>
      <c r="M40" s="64"/>
      <c r="N40" s="64"/>
      <c r="O40" s="64"/>
      <c r="P40" s="64"/>
    </row>
    <row r="41" spans="1:62" s="39" customFormat="1" ht="33" customHeight="1" x14ac:dyDescent="0.25">
      <c r="A41" s="128" t="s">
        <v>24</v>
      </c>
      <c r="B41" s="128" t="s">
        <v>39</v>
      </c>
      <c r="C41" s="128" t="s">
        <v>40</v>
      </c>
      <c r="D41" s="128" t="s">
        <v>30</v>
      </c>
      <c r="E41" s="128" t="s">
        <v>32</v>
      </c>
      <c r="F41" s="128" t="s">
        <v>41</v>
      </c>
      <c r="G41" s="128" t="s">
        <v>42</v>
      </c>
      <c r="H41" s="130" t="s">
        <v>45</v>
      </c>
      <c r="I41" s="131"/>
      <c r="J41" s="131"/>
      <c r="K41" s="132" t="s">
        <v>53</v>
      </c>
      <c r="L41" s="134"/>
      <c r="M41" s="134"/>
      <c r="N41" s="47"/>
      <c r="O41" s="47"/>
      <c r="P41" s="47"/>
    </row>
    <row r="42" spans="1:62" s="39" customFormat="1" ht="22.5" customHeight="1" x14ac:dyDescent="0.25">
      <c r="A42" s="129"/>
      <c r="B42" s="129"/>
      <c r="C42" s="129"/>
      <c r="D42" s="129"/>
      <c r="E42" s="129"/>
      <c r="F42" s="129"/>
      <c r="G42" s="129"/>
      <c r="H42" s="48" t="s">
        <v>26</v>
      </c>
      <c r="I42" s="49" t="s">
        <v>27</v>
      </c>
      <c r="J42" s="92" t="s">
        <v>28</v>
      </c>
      <c r="K42" s="133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35" t="s">
        <v>419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36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37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39" t="s">
        <v>456</v>
      </c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64"/>
      <c r="M48" s="64"/>
      <c r="N48" s="64"/>
      <c r="O48" s="64"/>
      <c r="P48" s="64"/>
    </row>
    <row r="49" spans="1:62" s="39" customFormat="1" ht="33" customHeight="1" x14ac:dyDescent="0.25">
      <c r="A49" s="128" t="s">
        <v>24</v>
      </c>
      <c r="B49" s="128" t="s">
        <v>39</v>
      </c>
      <c r="C49" s="128" t="s">
        <v>40</v>
      </c>
      <c r="D49" s="128" t="s">
        <v>30</v>
      </c>
      <c r="E49" s="128" t="s">
        <v>32</v>
      </c>
      <c r="F49" s="128" t="s">
        <v>41</v>
      </c>
      <c r="G49" s="128" t="s">
        <v>42</v>
      </c>
      <c r="H49" s="130" t="s">
        <v>45</v>
      </c>
      <c r="I49" s="131"/>
      <c r="J49" s="131"/>
      <c r="K49" s="132" t="s">
        <v>53</v>
      </c>
      <c r="L49" s="134"/>
      <c r="M49" s="134"/>
      <c r="N49" s="47"/>
      <c r="O49" s="47"/>
      <c r="P49" s="47"/>
    </row>
    <row r="50" spans="1:62" s="39" customFormat="1" ht="22.5" customHeight="1" x14ac:dyDescent="0.25">
      <c r="A50" s="129"/>
      <c r="B50" s="129"/>
      <c r="C50" s="129"/>
      <c r="D50" s="129"/>
      <c r="E50" s="129"/>
      <c r="F50" s="129"/>
      <c r="G50" s="129"/>
      <c r="H50" s="48" t="s">
        <v>26</v>
      </c>
      <c r="I50" s="49" t="s">
        <v>27</v>
      </c>
      <c r="J50" s="92" t="s">
        <v>28</v>
      </c>
      <c r="K50" s="133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35" t="s">
        <v>419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36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37"/>
      <c r="L54" s="97"/>
      <c r="M54" s="97"/>
      <c r="N54" s="50"/>
      <c r="O54" s="50"/>
      <c r="P54" s="50"/>
    </row>
    <row r="55" spans="1:62" s="45" customFormat="1" ht="33" customHeight="1" x14ac:dyDescent="0.25">
      <c r="A55" s="60"/>
      <c r="B55" s="61"/>
      <c r="C55" s="61"/>
      <c r="D55" s="61"/>
      <c r="E55" s="62"/>
      <c r="F55" s="62"/>
      <c r="G55" s="62"/>
      <c r="H55" s="62"/>
      <c r="I55" s="61"/>
      <c r="J55" s="61"/>
      <c r="K55" s="61"/>
      <c r="L55" s="127"/>
      <c r="M55" s="127"/>
      <c r="O55" s="63"/>
      <c r="P55" s="63"/>
    </row>
    <row r="56" spans="1:62" s="46" customFormat="1" ht="29.25" customHeight="1" x14ac:dyDescent="0.25">
      <c r="A56" s="139" t="s">
        <v>457</v>
      </c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64"/>
      <c r="M56" s="64"/>
      <c r="N56" s="64"/>
      <c r="O56" s="64"/>
      <c r="P56" s="64"/>
    </row>
    <row r="57" spans="1:62" s="39" customFormat="1" ht="33" customHeight="1" x14ac:dyDescent="0.25">
      <c r="A57" s="128" t="s">
        <v>24</v>
      </c>
      <c r="B57" s="128" t="s">
        <v>39</v>
      </c>
      <c r="C57" s="128" t="s">
        <v>40</v>
      </c>
      <c r="D57" s="128" t="s">
        <v>30</v>
      </c>
      <c r="E57" s="128" t="s">
        <v>32</v>
      </c>
      <c r="F57" s="128" t="s">
        <v>41</v>
      </c>
      <c r="G57" s="128" t="s">
        <v>42</v>
      </c>
      <c r="H57" s="130" t="s">
        <v>45</v>
      </c>
      <c r="I57" s="131"/>
      <c r="J57" s="131"/>
      <c r="K57" s="132" t="s">
        <v>53</v>
      </c>
      <c r="L57" s="134"/>
      <c r="M57" s="134"/>
      <c r="N57" s="47"/>
      <c r="O57" s="47"/>
      <c r="P57" s="47"/>
    </row>
    <row r="58" spans="1:62" s="39" customFormat="1" ht="22.5" customHeight="1" x14ac:dyDescent="0.25">
      <c r="A58" s="129"/>
      <c r="B58" s="129"/>
      <c r="C58" s="129"/>
      <c r="D58" s="129"/>
      <c r="E58" s="129"/>
      <c r="F58" s="129"/>
      <c r="G58" s="129"/>
      <c r="H58" s="48" t="s">
        <v>26</v>
      </c>
      <c r="I58" s="49" t="s">
        <v>27</v>
      </c>
      <c r="J58" s="92" t="s">
        <v>28</v>
      </c>
      <c r="K58" s="133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35" t="s">
        <v>419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36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37"/>
      <c r="L62" s="97"/>
      <c r="M62" s="97"/>
      <c r="N62" s="50"/>
      <c r="O62" s="50"/>
      <c r="P62" s="50"/>
    </row>
    <row r="63" spans="1:62" s="13" customFormat="1" ht="15.75" customHeight="1" x14ac:dyDescent="0.2">
      <c r="A63" s="23"/>
      <c r="B63" s="23"/>
      <c r="C63" s="10"/>
      <c r="D63" s="41"/>
      <c r="F63" s="14"/>
      <c r="G63" s="14"/>
      <c r="H63" s="14"/>
      <c r="I63" s="14"/>
      <c r="J63" s="26"/>
      <c r="K63" s="26"/>
      <c r="L63" s="26"/>
      <c r="M63" s="26"/>
    </row>
    <row r="64" spans="1:62" s="18" customFormat="1" ht="20.100000000000001" customHeight="1" x14ac:dyDescent="0.2">
      <c r="A64" s="42" t="s">
        <v>3</v>
      </c>
      <c r="B64" s="42"/>
      <c r="C64" s="141"/>
      <c r="D64" s="141"/>
      <c r="E64" s="25"/>
      <c r="F64" s="17"/>
      <c r="G64" s="17"/>
      <c r="H64" s="17"/>
      <c r="I64" s="17"/>
      <c r="J64" s="17"/>
      <c r="K64" s="26"/>
      <c r="L64" s="26"/>
    </row>
    <row r="65" spans="1:13" s="18" customFormat="1" ht="20.100000000000001" customHeight="1" x14ac:dyDescent="0.2">
      <c r="A65" s="42" t="s">
        <v>4</v>
      </c>
      <c r="B65" s="42"/>
      <c r="C65" s="140"/>
      <c r="D65" s="140"/>
      <c r="E65" s="20"/>
      <c r="F65" s="17"/>
      <c r="G65" s="17"/>
      <c r="H65" s="17"/>
      <c r="I65" s="17"/>
      <c r="J65" s="17"/>
      <c r="K65" s="21"/>
      <c r="L65" s="22"/>
    </row>
    <row r="66" spans="1:13" s="18" customFormat="1" ht="20.100000000000001" customHeight="1" x14ac:dyDescent="0.2">
      <c r="A66" s="42" t="s">
        <v>5</v>
      </c>
      <c r="B66" s="42"/>
      <c r="C66" s="140"/>
      <c r="D66" s="140"/>
      <c r="E66" s="20"/>
      <c r="F66" s="17"/>
      <c r="G66" s="17"/>
      <c r="H66" s="17"/>
      <c r="I66" s="17"/>
      <c r="J66" s="17"/>
      <c r="K66" s="21"/>
      <c r="L66" s="22"/>
    </row>
    <row r="67" spans="1:13" s="18" customFormat="1" ht="20.100000000000001" customHeight="1" x14ac:dyDescent="0.25">
      <c r="A67" s="42"/>
      <c r="B67" s="42"/>
      <c r="C67" s="42"/>
      <c r="D67" s="19"/>
      <c r="E67" s="20"/>
      <c r="F67" s="17"/>
      <c r="G67" s="17"/>
      <c r="H67" s="17"/>
      <c r="I67" s="17"/>
      <c r="J67" s="17"/>
      <c r="K67" s="21"/>
      <c r="L67" s="22"/>
    </row>
    <row r="68" spans="1:13" s="18" customFormat="1" ht="20.100000000000001" customHeight="1" x14ac:dyDescent="0.2">
      <c r="A68" s="42" t="s">
        <v>6</v>
      </c>
      <c r="B68" s="42"/>
      <c r="C68" s="141"/>
      <c r="D68" s="141"/>
      <c r="E68" s="20"/>
      <c r="F68" s="17"/>
      <c r="G68" s="17"/>
      <c r="H68" s="17"/>
      <c r="I68" s="17"/>
      <c r="J68" s="17"/>
      <c r="K68" s="21"/>
      <c r="L68" s="22"/>
    </row>
    <row r="69" spans="1:13" s="18" customFormat="1" ht="20.100000000000001" customHeight="1" x14ac:dyDescent="0.2">
      <c r="A69" s="42" t="s">
        <v>7</v>
      </c>
      <c r="B69" s="42"/>
      <c r="C69" s="140"/>
      <c r="D69" s="140"/>
      <c r="E69" s="20"/>
      <c r="F69" s="17"/>
      <c r="G69" s="27" t="s">
        <v>20</v>
      </c>
      <c r="H69" s="151"/>
      <c r="I69" s="151"/>
      <c r="J69" s="17"/>
      <c r="K69" s="21"/>
      <c r="L69" s="22"/>
    </row>
    <row r="70" spans="1:13" s="18" customFormat="1" ht="20.100000000000001" customHeight="1" x14ac:dyDescent="0.2">
      <c r="A70" s="42" t="s">
        <v>8</v>
      </c>
      <c r="B70" s="42"/>
      <c r="C70" s="140"/>
      <c r="D70" s="140"/>
      <c r="E70" s="20"/>
      <c r="F70" s="17"/>
      <c r="G70" s="28"/>
      <c r="H70" s="29"/>
      <c r="I70" s="29"/>
    </row>
    <row r="71" spans="1:13" s="18" customFormat="1" ht="20.100000000000001" customHeight="1" x14ac:dyDescent="0.25">
      <c r="A71" s="19"/>
      <c r="B71" s="19"/>
      <c r="C71" s="19"/>
      <c r="D71" s="20"/>
      <c r="E71" s="20"/>
      <c r="F71" s="17"/>
      <c r="G71" s="30" t="s">
        <v>21</v>
      </c>
      <c r="H71" s="152"/>
      <c r="I71" s="152"/>
    </row>
    <row r="72" spans="1:13" s="18" customFormat="1" ht="20.100000000000001" customHeight="1" x14ac:dyDescent="0.25">
      <c r="A72" s="19"/>
      <c r="B72" s="19"/>
      <c r="C72" s="19"/>
      <c r="D72" s="20"/>
      <c r="E72" s="20"/>
      <c r="F72" s="17"/>
      <c r="G72" s="30" t="s">
        <v>22</v>
      </c>
      <c r="H72" s="150"/>
      <c r="I72" s="150"/>
    </row>
    <row r="73" spans="1:13" s="13" customFormat="1" ht="20.100000000000001" customHeight="1" x14ac:dyDescent="0.2">
      <c r="A73" s="10" t="s">
        <v>2</v>
      </c>
      <c r="B73" s="140"/>
      <c r="C73" s="140"/>
      <c r="D73" s="11"/>
      <c r="E73" s="11"/>
      <c r="F73" s="14"/>
      <c r="G73" s="31" t="s">
        <v>23</v>
      </c>
      <c r="H73" s="28"/>
      <c r="I73" s="32"/>
      <c r="M73" s="10"/>
    </row>
    <row r="74" spans="1:13" s="13" customFormat="1" ht="20.100000000000001" customHeight="1" x14ac:dyDescent="0.2">
      <c r="A74" s="10" t="s">
        <v>1</v>
      </c>
      <c r="B74" s="149"/>
      <c r="C74" s="149"/>
      <c r="D74" s="11"/>
      <c r="E74" s="11"/>
      <c r="F74" s="14"/>
      <c r="G74" s="14"/>
      <c r="H74" s="14"/>
      <c r="I74" s="14"/>
      <c r="M74" s="10"/>
    </row>
    <row r="75" spans="1:13" s="13" customFormat="1" x14ac:dyDescent="0.2">
      <c r="A75" s="10"/>
      <c r="B75" s="10"/>
      <c r="C75" s="10"/>
      <c r="D75" s="11"/>
      <c r="E75" s="11"/>
      <c r="F75" s="14"/>
      <c r="G75" s="14"/>
      <c r="H75" s="14"/>
      <c r="I75" s="14"/>
      <c r="J75" s="14"/>
      <c r="K75" s="12"/>
      <c r="L75" s="10"/>
      <c r="M75" s="10"/>
    </row>
    <row r="76" spans="1:13" s="13" customFormat="1" ht="15" customHeight="1" x14ac:dyDescent="0.2">
      <c r="A76" s="10"/>
      <c r="B76" s="10"/>
      <c r="D76" s="11"/>
      <c r="E76" s="11"/>
      <c r="F76" s="14"/>
      <c r="G76" s="14"/>
      <c r="H76" s="14"/>
      <c r="I76" s="14"/>
      <c r="J76" s="14"/>
      <c r="K76" s="12"/>
      <c r="L76" s="10"/>
      <c r="M76" s="10"/>
    </row>
    <row r="77" spans="1:13" s="2" customFormat="1" x14ac:dyDescent="0.2">
      <c r="A77" s="148" t="s">
        <v>10</v>
      </c>
      <c r="B77" s="148"/>
      <c r="D77" s="3"/>
      <c r="E77" s="3"/>
      <c r="F77" s="4"/>
      <c r="G77" s="4"/>
      <c r="H77" s="4"/>
      <c r="I77" s="4"/>
      <c r="J77" s="4"/>
      <c r="K77" s="15"/>
    </row>
    <row r="78" spans="1:13" ht="14.25" x14ac:dyDescent="0.2">
      <c r="A78" s="33"/>
      <c r="B78" s="34" t="s">
        <v>11</v>
      </c>
    </row>
    <row r="79" spans="1:13" ht="6.75" customHeight="1" x14ac:dyDescent="0.2">
      <c r="A79" s="35"/>
      <c r="B79" s="36"/>
    </row>
  </sheetData>
  <mergeCells count="9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6:K16"/>
    <mergeCell ref="A17:A18"/>
    <mergeCell ref="B17:B18"/>
    <mergeCell ref="C17:C18"/>
    <mergeCell ref="D17:D18"/>
    <mergeCell ref="E17:E18"/>
    <mergeCell ref="F17:F18"/>
    <mergeCell ref="G17:G18"/>
    <mergeCell ref="K28:K30"/>
    <mergeCell ref="H17:J17"/>
    <mergeCell ref="K17:K18"/>
    <mergeCell ref="L17:M17"/>
    <mergeCell ref="K20:K22"/>
    <mergeCell ref="A24:K24"/>
    <mergeCell ref="A25:A26"/>
    <mergeCell ref="B25:B26"/>
    <mergeCell ref="C25:C26"/>
    <mergeCell ref="D25:D26"/>
    <mergeCell ref="E25:E26"/>
    <mergeCell ref="F25:F26"/>
    <mergeCell ref="G25:G26"/>
    <mergeCell ref="H25:J25"/>
    <mergeCell ref="K25:K26"/>
    <mergeCell ref="L25:M25"/>
    <mergeCell ref="A32:K32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L33:M33"/>
    <mergeCell ref="K36:K38"/>
    <mergeCell ref="A40:K40"/>
    <mergeCell ref="A41:A42"/>
    <mergeCell ref="B41:B42"/>
    <mergeCell ref="C41:C42"/>
    <mergeCell ref="D41:D42"/>
    <mergeCell ref="E41:E42"/>
    <mergeCell ref="F41:F42"/>
    <mergeCell ref="G41:G42"/>
    <mergeCell ref="K52:K54"/>
    <mergeCell ref="H41:J41"/>
    <mergeCell ref="K41:K42"/>
    <mergeCell ref="L41:M41"/>
    <mergeCell ref="K44:K46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49:M49"/>
    <mergeCell ref="C68:D68"/>
    <mergeCell ref="A56:K56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  <mergeCell ref="L57:M57"/>
    <mergeCell ref="K60:K62"/>
    <mergeCell ref="C64:D64"/>
    <mergeCell ref="C65:D65"/>
    <mergeCell ref="C66:D66"/>
    <mergeCell ref="B74:C74"/>
    <mergeCell ref="A77:B77"/>
    <mergeCell ref="C69:D69"/>
    <mergeCell ref="H69:I69"/>
    <mergeCell ref="C70:D70"/>
    <mergeCell ref="H71:I71"/>
    <mergeCell ref="H72:I72"/>
    <mergeCell ref="B73:C73"/>
  </mergeCells>
  <conditionalFormatting sqref="B73:C73">
    <cfRule type="containsBlanks" dxfId="53" priority="6">
      <formula>LEN(TRIM(B73))=0</formula>
    </cfRule>
  </conditionalFormatting>
  <conditionalFormatting sqref="B74:C74">
    <cfRule type="containsBlanks" dxfId="52" priority="5">
      <formula>LEN(TRIM(B74))=0</formula>
    </cfRule>
  </conditionalFormatting>
  <conditionalFormatting sqref="H71:I71">
    <cfRule type="containsBlanks" dxfId="51" priority="4">
      <formula>LEN(TRIM(H71))=0</formula>
    </cfRule>
  </conditionalFormatting>
  <conditionalFormatting sqref="H72:I72">
    <cfRule type="containsBlanks" dxfId="50" priority="3">
      <formula>LEN(TRIM(H72))=0</formula>
    </cfRule>
  </conditionalFormatting>
  <conditionalFormatting sqref="C64:D66">
    <cfRule type="containsBlanks" dxfId="49" priority="2">
      <formula>LEN(TRIM(C64))=0</formula>
    </cfRule>
  </conditionalFormatting>
  <conditionalFormatting sqref="C68:D70">
    <cfRule type="containsBlanks" dxfId="48" priority="1">
      <formula>LEN(TRIM(C68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3" max="12" man="1"/>
    <brk id="47" max="12" man="1"/>
  </rowBreaks>
  <colBreaks count="1" manualBreakCount="1">
    <brk id="13" max="28" man="1"/>
  </colBreaks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45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459</v>
      </c>
      <c r="C9" s="114" t="s">
        <v>46</v>
      </c>
      <c r="D9" s="119">
        <v>1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460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430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47" priority="6">
      <formula>LEN(TRIM(B28))=0</formula>
    </cfRule>
  </conditionalFormatting>
  <conditionalFormatting sqref="B29:C29">
    <cfRule type="containsBlanks" dxfId="46" priority="5">
      <formula>LEN(TRIM(B29))=0</formula>
    </cfRule>
  </conditionalFormatting>
  <conditionalFormatting sqref="H26:I26">
    <cfRule type="containsBlanks" dxfId="45" priority="4">
      <formula>LEN(TRIM(H26))=0</formula>
    </cfRule>
  </conditionalFormatting>
  <conditionalFormatting sqref="H27:I27">
    <cfRule type="containsBlanks" dxfId="44" priority="3">
      <formula>LEN(TRIM(H27))=0</formula>
    </cfRule>
  </conditionalFormatting>
  <conditionalFormatting sqref="C19:D21">
    <cfRule type="containsBlanks" dxfId="43" priority="2">
      <formula>LEN(TRIM(C19))=0</formula>
    </cfRule>
  </conditionalFormatting>
  <conditionalFormatting sqref="C23:D25">
    <cfRule type="containsBlanks" dxfId="4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461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462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463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69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41" priority="6">
      <formula>LEN(TRIM(B28))=0</formula>
    </cfRule>
  </conditionalFormatting>
  <conditionalFormatting sqref="B29:C29">
    <cfRule type="containsBlanks" dxfId="40" priority="5">
      <formula>LEN(TRIM(B29))=0</formula>
    </cfRule>
  </conditionalFormatting>
  <conditionalFormatting sqref="H26:I26">
    <cfRule type="containsBlanks" dxfId="39" priority="4">
      <formula>LEN(TRIM(H26))=0</formula>
    </cfRule>
  </conditionalFormatting>
  <conditionalFormatting sqref="H27:I27">
    <cfRule type="containsBlanks" dxfId="38" priority="3">
      <formula>LEN(TRIM(H27))=0</formula>
    </cfRule>
  </conditionalFormatting>
  <conditionalFormatting sqref="C19:D21">
    <cfRule type="containsBlanks" dxfId="37" priority="2">
      <formula>LEN(TRIM(C19))=0</formula>
    </cfRule>
  </conditionalFormatting>
  <conditionalFormatting sqref="C23:D25">
    <cfRule type="containsBlanks" dxfId="3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464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465</v>
      </c>
      <c r="C9" s="114" t="s">
        <v>46</v>
      </c>
      <c r="D9" s="119">
        <v>3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466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29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35" priority="6">
      <formula>LEN(TRIM(B28))=0</formula>
    </cfRule>
  </conditionalFormatting>
  <conditionalFormatting sqref="B29:C29">
    <cfRule type="containsBlanks" dxfId="34" priority="5">
      <formula>LEN(TRIM(B29))=0</formula>
    </cfRule>
  </conditionalFormatting>
  <conditionalFormatting sqref="H26:I26">
    <cfRule type="containsBlanks" dxfId="33" priority="4">
      <formula>LEN(TRIM(H26))=0</formula>
    </cfRule>
  </conditionalFormatting>
  <conditionalFormatting sqref="H27:I27">
    <cfRule type="containsBlanks" dxfId="32" priority="3">
      <formula>LEN(TRIM(H27))=0</formula>
    </cfRule>
  </conditionalFormatting>
  <conditionalFormatting sqref="C19:D21">
    <cfRule type="containsBlanks" dxfId="31" priority="2">
      <formula>LEN(TRIM(C19))=0</formula>
    </cfRule>
  </conditionalFormatting>
  <conditionalFormatting sqref="C23:D25">
    <cfRule type="containsBlanks" dxfId="3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467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468</v>
      </c>
      <c r="C9" s="114" t="s">
        <v>46</v>
      </c>
      <c r="D9" s="119">
        <v>1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469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9" priority="6">
      <formula>LEN(TRIM(B28))=0</formula>
    </cfRule>
  </conditionalFormatting>
  <conditionalFormatting sqref="B29:C29">
    <cfRule type="containsBlanks" dxfId="28" priority="5">
      <formula>LEN(TRIM(B29))=0</formula>
    </cfRule>
  </conditionalFormatting>
  <conditionalFormatting sqref="H26:I26">
    <cfRule type="containsBlanks" dxfId="27" priority="4">
      <formula>LEN(TRIM(H26))=0</formula>
    </cfRule>
  </conditionalFormatting>
  <conditionalFormatting sqref="H27:I27">
    <cfRule type="containsBlanks" dxfId="26" priority="3">
      <formula>LEN(TRIM(H27))=0</formula>
    </cfRule>
  </conditionalFormatting>
  <conditionalFormatting sqref="C19:D21">
    <cfRule type="containsBlanks" dxfId="25" priority="2">
      <formula>LEN(TRIM(C19))=0</formula>
    </cfRule>
  </conditionalFormatting>
  <conditionalFormatting sqref="C23:D25">
    <cfRule type="containsBlanks" dxfId="2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470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471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472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69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23" priority="6">
      <formula>LEN(TRIM(B28))=0</formula>
    </cfRule>
  </conditionalFormatting>
  <conditionalFormatting sqref="B29:C29">
    <cfRule type="containsBlanks" dxfId="22" priority="5">
      <formula>LEN(TRIM(B29))=0</formula>
    </cfRule>
  </conditionalFormatting>
  <conditionalFormatting sqref="H26:I26">
    <cfRule type="containsBlanks" dxfId="21" priority="4">
      <formula>LEN(TRIM(H26))=0</formula>
    </cfRule>
  </conditionalFormatting>
  <conditionalFormatting sqref="H27:I27">
    <cfRule type="containsBlanks" dxfId="20" priority="3">
      <formula>LEN(TRIM(H27))=0</formula>
    </cfRule>
  </conditionalFormatting>
  <conditionalFormatting sqref="C19:D21">
    <cfRule type="containsBlanks" dxfId="19" priority="2">
      <formula>LEN(TRIM(C19))=0</formula>
    </cfRule>
  </conditionalFormatting>
  <conditionalFormatting sqref="C23:D25">
    <cfRule type="containsBlanks" dxfId="18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473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474</v>
      </c>
      <c r="C9" s="114" t="s">
        <v>46</v>
      </c>
      <c r="D9" s="119">
        <v>6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475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21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17" priority="6">
      <formula>LEN(TRIM(B28))=0</formula>
    </cfRule>
  </conditionalFormatting>
  <conditionalFormatting sqref="B29:C29">
    <cfRule type="containsBlanks" dxfId="16" priority="5">
      <formula>LEN(TRIM(B29))=0</formula>
    </cfRule>
  </conditionalFormatting>
  <conditionalFormatting sqref="H26:I26">
    <cfRule type="containsBlanks" dxfId="15" priority="4">
      <formula>LEN(TRIM(H26))=0</formula>
    </cfRule>
  </conditionalFormatting>
  <conditionalFormatting sqref="H27:I27">
    <cfRule type="containsBlanks" dxfId="14" priority="3">
      <formula>LEN(TRIM(H27))=0</formula>
    </cfRule>
  </conditionalFormatting>
  <conditionalFormatting sqref="C19:D21">
    <cfRule type="containsBlanks" dxfId="13" priority="2">
      <formula>LEN(TRIM(C19))=0</formula>
    </cfRule>
  </conditionalFormatting>
  <conditionalFormatting sqref="C23:D25">
    <cfRule type="containsBlanks" dxfId="1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9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99</v>
      </c>
      <c r="C9" s="114" t="s">
        <v>46</v>
      </c>
      <c r="D9" s="119">
        <v>2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00</v>
      </c>
      <c r="C10" s="114" t="s">
        <v>46</v>
      </c>
      <c r="D10" s="119">
        <v>16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101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80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102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103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41"/>
      <c r="D29" s="141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40"/>
      <c r="D30" s="14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40"/>
      <c r="D31" s="14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41"/>
      <c r="D33" s="141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40"/>
      <c r="D34" s="140"/>
      <c r="E34" s="20"/>
      <c r="F34" s="17"/>
      <c r="G34" s="27" t="s">
        <v>20</v>
      </c>
      <c r="H34" s="151"/>
      <c r="I34" s="151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40"/>
      <c r="D35" s="14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52"/>
      <c r="I36" s="152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50"/>
      <c r="I37" s="150"/>
    </row>
    <row r="38" spans="1:13" s="13" customFormat="1" ht="20.100000000000001" customHeight="1" x14ac:dyDescent="0.2">
      <c r="A38" s="10" t="s">
        <v>2</v>
      </c>
      <c r="B38" s="140"/>
      <c r="C38" s="14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49"/>
      <c r="C39" s="149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48" t="s">
        <v>10</v>
      </c>
      <c r="B42" s="148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H36:I36"/>
    <mergeCell ref="H37:I37"/>
    <mergeCell ref="B38:C38"/>
    <mergeCell ref="B39:C39"/>
    <mergeCell ref="A42:B42"/>
  </mergeCells>
  <conditionalFormatting sqref="B38:C38">
    <cfRule type="containsBlanks" dxfId="335" priority="6">
      <formula>LEN(TRIM(B38))=0</formula>
    </cfRule>
  </conditionalFormatting>
  <conditionalFormatting sqref="B39:C39">
    <cfRule type="containsBlanks" dxfId="334" priority="5">
      <formula>LEN(TRIM(B39))=0</formula>
    </cfRule>
  </conditionalFormatting>
  <conditionalFormatting sqref="H36:I36">
    <cfRule type="containsBlanks" dxfId="333" priority="4">
      <formula>LEN(TRIM(H36))=0</formula>
    </cfRule>
  </conditionalFormatting>
  <conditionalFormatting sqref="H37:I37">
    <cfRule type="containsBlanks" dxfId="332" priority="3">
      <formula>LEN(TRIM(H37))=0</formula>
    </cfRule>
  </conditionalFormatting>
  <conditionalFormatting sqref="C29:D31">
    <cfRule type="containsBlanks" dxfId="331" priority="2">
      <formula>LEN(TRIM(C29))=0</formula>
    </cfRule>
  </conditionalFormatting>
  <conditionalFormatting sqref="C33:D35">
    <cfRule type="containsBlanks" dxfId="330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6"/>
  <sheetViews>
    <sheetView showGridLines="0" topLeftCell="A4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476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477</v>
      </c>
      <c r="C9" s="114" t="s">
        <v>46</v>
      </c>
      <c r="D9" s="119">
        <v>2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478</v>
      </c>
      <c r="C10" s="114" t="s">
        <v>46</v>
      </c>
      <c r="D10" s="119">
        <v>12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479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298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480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481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41"/>
      <c r="D31" s="141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40"/>
      <c r="D32" s="14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40"/>
      <c r="D33" s="14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41"/>
      <c r="D35" s="141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40"/>
      <c r="D36" s="140"/>
      <c r="E36" s="20"/>
      <c r="F36" s="17"/>
      <c r="G36" s="27" t="s">
        <v>20</v>
      </c>
      <c r="H36" s="151"/>
      <c r="I36" s="151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40"/>
      <c r="D37" s="14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52"/>
      <c r="I38" s="152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50"/>
      <c r="I39" s="150"/>
    </row>
    <row r="40" spans="1:13" s="13" customFormat="1" ht="20.100000000000001" customHeight="1" x14ac:dyDescent="0.2">
      <c r="A40" s="10" t="s">
        <v>2</v>
      </c>
      <c r="B40" s="140"/>
      <c r="C40" s="14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49"/>
      <c r="C41" s="149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48" t="s">
        <v>10</v>
      </c>
      <c r="B44" s="148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H38:I38"/>
    <mergeCell ref="H39:I39"/>
    <mergeCell ref="B40:C40"/>
    <mergeCell ref="B41:C41"/>
    <mergeCell ref="A44:B44"/>
  </mergeCells>
  <conditionalFormatting sqref="B40:C40">
    <cfRule type="containsBlanks" dxfId="11" priority="6">
      <formula>LEN(TRIM(B40))=0</formula>
    </cfRule>
  </conditionalFormatting>
  <conditionalFormatting sqref="B41:C41">
    <cfRule type="containsBlanks" dxfId="10" priority="5">
      <formula>LEN(TRIM(B41))=0</formula>
    </cfRule>
  </conditionalFormatting>
  <conditionalFormatting sqref="H38:I38">
    <cfRule type="containsBlanks" dxfId="9" priority="4">
      <formula>LEN(TRIM(H38))=0</formula>
    </cfRule>
  </conditionalFormatting>
  <conditionalFormatting sqref="H39:I39">
    <cfRule type="containsBlanks" dxfId="8" priority="3">
      <formula>LEN(TRIM(H39))=0</formula>
    </cfRule>
  </conditionalFormatting>
  <conditionalFormatting sqref="C31:D33">
    <cfRule type="containsBlanks" dxfId="7" priority="2">
      <formula>LEN(TRIM(C31))=0</formula>
    </cfRule>
  </conditionalFormatting>
  <conditionalFormatting sqref="C35:D37">
    <cfRule type="containsBlanks" dxfId="6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79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47" t="s">
        <v>48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2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482</v>
      </c>
      <c r="C9" s="114" t="s">
        <v>46</v>
      </c>
      <c r="D9" s="119">
        <v>4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483</v>
      </c>
      <c r="C10" s="114" t="s">
        <v>46</v>
      </c>
      <c r="D10" s="119">
        <v>1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484</v>
      </c>
      <c r="C11" s="114" t="s">
        <v>46</v>
      </c>
      <c r="D11" s="119">
        <v>32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485</v>
      </c>
      <c r="C12" s="114" t="s">
        <v>46</v>
      </c>
      <c r="D12" s="119">
        <v>20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486</v>
      </c>
      <c r="C13" s="114" t="s">
        <v>46</v>
      </c>
      <c r="D13" s="119">
        <v>80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thickBot="1" x14ac:dyDescent="0.3">
      <c r="A14" s="51" t="s">
        <v>16</v>
      </c>
      <c r="B14" s="52" t="s">
        <v>487</v>
      </c>
      <c r="C14" s="114" t="s">
        <v>46</v>
      </c>
      <c r="D14" s="119">
        <v>360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5" customFormat="1" ht="33" customHeight="1" thickBot="1" x14ac:dyDescent="0.3">
      <c r="A15" s="60"/>
      <c r="B15" s="61"/>
      <c r="C15" s="61"/>
      <c r="D15" s="61"/>
      <c r="E15" s="62"/>
      <c r="F15" s="62"/>
      <c r="G15" s="62"/>
      <c r="H15" s="62"/>
      <c r="I15" s="61"/>
      <c r="J15" s="61"/>
      <c r="K15" s="61"/>
      <c r="L15" s="98">
        <f>SUM(L9:L14)</f>
        <v>0</v>
      </c>
      <c r="M15" s="116">
        <f>SUM(M9:M14)</f>
        <v>0</v>
      </c>
      <c r="O15" s="63"/>
      <c r="P15" s="63"/>
    </row>
    <row r="16" spans="1:22" s="46" customFormat="1" ht="29.25" customHeight="1" x14ac:dyDescent="0.25">
      <c r="A16" s="139" t="s">
        <v>489</v>
      </c>
      <c r="B16" s="139"/>
      <c r="C16" s="139"/>
      <c r="D16" s="139"/>
      <c r="E16" s="139"/>
      <c r="F16" s="139"/>
      <c r="G16" s="139"/>
      <c r="H16" s="139"/>
      <c r="I16" s="139"/>
      <c r="J16" s="139"/>
      <c r="K16" s="139"/>
      <c r="L16" s="64"/>
      <c r="M16" s="64"/>
      <c r="N16" s="64"/>
      <c r="O16" s="64"/>
      <c r="P16" s="64"/>
    </row>
    <row r="17" spans="1:62" s="39" customFormat="1" ht="33" customHeight="1" x14ac:dyDescent="0.25">
      <c r="A17" s="128" t="s">
        <v>24</v>
      </c>
      <c r="B17" s="128" t="s">
        <v>39</v>
      </c>
      <c r="C17" s="128" t="s">
        <v>40</v>
      </c>
      <c r="D17" s="128" t="s">
        <v>30</v>
      </c>
      <c r="E17" s="128" t="s">
        <v>32</v>
      </c>
      <c r="F17" s="128" t="s">
        <v>41</v>
      </c>
      <c r="G17" s="128" t="s">
        <v>42</v>
      </c>
      <c r="H17" s="130" t="s">
        <v>45</v>
      </c>
      <c r="I17" s="131"/>
      <c r="J17" s="131"/>
      <c r="K17" s="132" t="s">
        <v>53</v>
      </c>
      <c r="L17" s="134"/>
      <c r="M17" s="134"/>
      <c r="N17" s="47"/>
      <c r="O17" s="47"/>
      <c r="P17" s="47"/>
    </row>
    <row r="18" spans="1:62" s="39" customFormat="1" ht="22.5" customHeight="1" x14ac:dyDescent="0.25">
      <c r="A18" s="129"/>
      <c r="B18" s="129"/>
      <c r="C18" s="129"/>
      <c r="D18" s="129"/>
      <c r="E18" s="129"/>
      <c r="F18" s="129"/>
      <c r="G18" s="129"/>
      <c r="H18" s="48" t="s">
        <v>26</v>
      </c>
      <c r="I18" s="49" t="s">
        <v>27</v>
      </c>
      <c r="J18" s="92" t="s">
        <v>28</v>
      </c>
      <c r="K18" s="133"/>
      <c r="L18" s="96"/>
      <c r="M18" s="96"/>
      <c r="N18" s="47"/>
      <c r="O18" s="47"/>
      <c r="P18" s="47"/>
    </row>
    <row r="19" spans="1:62" s="111" customFormat="1" ht="14.1" customHeight="1" x14ac:dyDescent="0.25">
      <c r="A19" s="102" t="s">
        <v>0</v>
      </c>
      <c r="B19" s="103" t="s">
        <v>12</v>
      </c>
      <c r="C19" s="103" t="s">
        <v>13</v>
      </c>
      <c r="D19" s="103" t="s">
        <v>14</v>
      </c>
      <c r="E19" s="112" t="s">
        <v>15</v>
      </c>
      <c r="F19" s="104" t="s">
        <v>16</v>
      </c>
      <c r="G19" s="99" t="s">
        <v>17</v>
      </c>
      <c r="H19" s="105" t="s">
        <v>18</v>
      </c>
      <c r="I19" s="106" t="s">
        <v>19</v>
      </c>
      <c r="J19" s="107" t="s">
        <v>35</v>
      </c>
      <c r="K19" s="108" t="s">
        <v>36</v>
      </c>
      <c r="L19" s="117"/>
      <c r="M19" s="117"/>
      <c r="N19" s="109"/>
      <c r="O19" s="109"/>
      <c r="P19" s="109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A19" s="110"/>
      <c r="AB19" s="110"/>
      <c r="AC19" s="110"/>
      <c r="AD19" s="110"/>
      <c r="AE19" s="110"/>
      <c r="AF19" s="110"/>
      <c r="AG19" s="110"/>
      <c r="AH19" s="110"/>
      <c r="AI19" s="110"/>
      <c r="AJ19" s="110"/>
      <c r="AK19" s="110"/>
      <c r="AL19" s="110"/>
      <c r="AM19" s="110"/>
      <c r="AN19" s="110"/>
      <c r="AO19" s="110"/>
      <c r="AP19" s="110"/>
      <c r="AQ19" s="110"/>
      <c r="AR19" s="110"/>
      <c r="AS19" s="110"/>
      <c r="AT19" s="110"/>
      <c r="AU19" s="110"/>
      <c r="AV19" s="110"/>
      <c r="AW19" s="110"/>
      <c r="AX19" s="110"/>
      <c r="AY19" s="110"/>
      <c r="AZ19" s="110"/>
      <c r="BA19" s="110"/>
      <c r="BB19" s="110"/>
      <c r="BC19" s="110"/>
      <c r="BD19" s="110"/>
      <c r="BE19" s="110"/>
      <c r="BF19" s="110"/>
      <c r="BG19" s="110"/>
      <c r="BH19" s="110"/>
      <c r="BI19" s="110"/>
      <c r="BJ19" s="110"/>
    </row>
    <row r="20" spans="1:62" s="40" customFormat="1" ht="33" customHeight="1" x14ac:dyDescent="0.25">
      <c r="A20" s="86" t="s">
        <v>0</v>
      </c>
      <c r="B20" s="65"/>
      <c r="C20" s="66"/>
      <c r="D20" s="84"/>
      <c r="E20" s="84"/>
      <c r="F20" s="84"/>
      <c r="G20" s="84"/>
      <c r="H20" s="67"/>
      <c r="I20" s="68"/>
      <c r="J20" s="93"/>
      <c r="K20" s="135" t="s">
        <v>495</v>
      </c>
      <c r="L20" s="97"/>
      <c r="M20" s="97"/>
      <c r="N20" s="50"/>
      <c r="O20" s="50"/>
      <c r="P20" s="50"/>
    </row>
    <row r="21" spans="1:62" s="40" customFormat="1" ht="33" customHeight="1" x14ac:dyDescent="0.25">
      <c r="A21" s="85" t="s">
        <v>12</v>
      </c>
      <c r="B21" s="69"/>
      <c r="C21" s="70"/>
      <c r="D21" s="85"/>
      <c r="E21" s="85"/>
      <c r="F21" s="85"/>
      <c r="G21" s="86"/>
      <c r="H21" s="71"/>
      <c r="I21" s="72"/>
      <c r="J21" s="94"/>
      <c r="K21" s="136"/>
      <c r="L21" s="97"/>
      <c r="M21" s="97"/>
      <c r="N21" s="50"/>
      <c r="O21" s="50"/>
      <c r="P21" s="50"/>
    </row>
    <row r="22" spans="1:62" s="40" customFormat="1" ht="33" customHeight="1" x14ac:dyDescent="0.25">
      <c r="A22" s="87" t="s">
        <v>13</v>
      </c>
      <c r="B22" s="88"/>
      <c r="C22" s="89"/>
      <c r="D22" s="87"/>
      <c r="E22" s="87"/>
      <c r="F22" s="87"/>
      <c r="G22" s="87"/>
      <c r="H22" s="90"/>
      <c r="I22" s="91"/>
      <c r="J22" s="95"/>
      <c r="K22" s="137"/>
      <c r="L22" s="97"/>
      <c r="M22" s="97"/>
      <c r="N22" s="50"/>
      <c r="O22" s="50"/>
      <c r="P22" s="50"/>
    </row>
    <row r="23" spans="1:62" s="13" customFormat="1" ht="15.75" customHeight="1" x14ac:dyDescent="0.2">
      <c r="A23" s="23"/>
      <c r="B23" s="23"/>
      <c r="C23" s="10"/>
      <c r="D23" s="41"/>
      <c r="F23" s="14"/>
      <c r="G23" s="14"/>
      <c r="H23" s="14"/>
      <c r="I23" s="14"/>
      <c r="J23" s="26"/>
      <c r="K23" s="26"/>
      <c r="L23" s="26"/>
      <c r="M23" s="26"/>
    </row>
    <row r="24" spans="1:62" s="46" customFormat="1" ht="29.25" customHeight="1" x14ac:dyDescent="0.25">
      <c r="A24" s="139" t="s">
        <v>490</v>
      </c>
      <c r="B24" s="139"/>
      <c r="C24" s="139"/>
      <c r="D24" s="139"/>
      <c r="E24" s="139"/>
      <c r="F24" s="139"/>
      <c r="G24" s="139"/>
      <c r="H24" s="139"/>
      <c r="I24" s="139"/>
      <c r="J24" s="139"/>
      <c r="K24" s="139"/>
      <c r="L24" s="64"/>
      <c r="M24" s="64"/>
      <c r="N24" s="64"/>
      <c r="O24" s="64"/>
      <c r="P24" s="64"/>
    </row>
    <row r="25" spans="1:62" s="39" customFormat="1" ht="33" customHeight="1" x14ac:dyDescent="0.25">
      <c r="A25" s="128" t="s">
        <v>24</v>
      </c>
      <c r="B25" s="128" t="s">
        <v>39</v>
      </c>
      <c r="C25" s="128" t="s">
        <v>40</v>
      </c>
      <c r="D25" s="128" t="s">
        <v>30</v>
      </c>
      <c r="E25" s="128" t="s">
        <v>32</v>
      </c>
      <c r="F25" s="128" t="s">
        <v>41</v>
      </c>
      <c r="G25" s="128" t="s">
        <v>42</v>
      </c>
      <c r="H25" s="130" t="s">
        <v>45</v>
      </c>
      <c r="I25" s="131"/>
      <c r="J25" s="131"/>
      <c r="K25" s="132" t="s">
        <v>53</v>
      </c>
      <c r="L25" s="134"/>
      <c r="M25" s="134"/>
      <c r="N25" s="47"/>
      <c r="O25" s="47"/>
      <c r="P25" s="47"/>
    </row>
    <row r="26" spans="1:62" s="39" customFormat="1" ht="22.5" customHeight="1" x14ac:dyDescent="0.25">
      <c r="A26" s="129"/>
      <c r="B26" s="129"/>
      <c r="C26" s="129"/>
      <c r="D26" s="129"/>
      <c r="E26" s="129"/>
      <c r="F26" s="129"/>
      <c r="G26" s="129"/>
      <c r="H26" s="48" t="s">
        <v>26</v>
      </c>
      <c r="I26" s="49" t="s">
        <v>27</v>
      </c>
      <c r="J26" s="92" t="s">
        <v>28</v>
      </c>
      <c r="K26" s="133"/>
      <c r="L26" s="96"/>
      <c r="M26" s="96"/>
      <c r="N26" s="47"/>
      <c r="O26" s="47"/>
      <c r="P26" s="47"/>
    </row>
    <row r="27" spans="1:62" s="111" customFormat="1" ht="14.1" customHeight="1" x14ac:dyDescent="0.25">
      <c r="A27" s="102" t="s">
        <v>0</v>
      </c>
      <c r="B27" s="103" t="s">
        <v>12</v>
      </c>
      <c r="C27" s="103" t="s">
        <v>13</v>
      </c>
      <c r="D27" s="103" t="s">
        <v>14</v>
      </c>
      <c r="E27" s="112" t="s">
        <v>15</v>
      </c>
      <c r="F27" s="104" t="s">
        <v>16</v>
      </c>
      <c r="G27" s="99" t="s">
        <v>17</v>
      </c>
      <c r="H27" s="105" t="s">
        <v>18</v>
      </c>
      <c r="I27" s="106" t="s">
        <v>19</v>
      </c>
      <c r="J27" s="107" t="s">
        <v>35</v>
      </c>
      <c r="K27" s="108" t="s">
        <v>36</v>
      </c>
      <c r="L27" s="117"/>
      <c r="M27" s="117"/>
      <c r="N27" s="109"/>
      <c r="O27" s="109"/>
      <c r="P27" s="109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0"/>
      <c r="AP27" s="110"/>
      <c r="AQ27" s="110"/>
      <c r="AR27" s="110"/>
      <c r="AS27" s="110"/>
      <c r="AT27" s="110"/>
      <c r="AU27" s="110"/>
      <c r="AV27" s="110"/>
      <c r="AW27" s="110"/>
      <c r="AX27" s="110"/>
      <c r="AY27" s="110"/>
      <c r="AZ27" s="110"/>
      <c r="BA27" s="110"/>
      <c r="BB27" s="110"/>
      <c r="BC27" s="110"/>
      <c r="BD27" s="110"/>
      <c r="BE27" s="110"/>
      <c r="BF27" s="110"/>
      <c r="BG27" s="110"/>
      <c r="BH27" s="110"/>
      <c r="BI27" s="110"/>
      <c r="BJ27" s="110"/>
    </row>
    <row r="28" spans="1:62" s="40" customFormat="1" ht="33" customHeight="1" x14ac:dyDescent="0.25">
      <c r="A28" s="86" t="s">
        <v>0</v>
      </c>
      <c r="B28" s="65"/>
      <c r="C28" s="66"/>
      <c r="D28" s="84"/>
      <c r="E28" s="84"/>
      <c r="F28" s="84"/>
      <c r="G28" s="84"/>
      <c r="H28" s="67"/>
      <c r="I28" s="68"/>
      <c r="J28" s="93"/>
      <c r="K28" s="135" t="s">
        <v>95</v>
      </c>
      <c r="L28" s="97"/>
      <c r="M28" s="97"/>
      <c r="N28" s="50"/>
      <c r="O28" s="50"/>
      <c r="P28" s="50"/>
    </row>
    <row r="29" spans="1:62" s="40" customFormat="1" ht="33" customHeight="1" x14ac:dyDescent="0.25">
      <c r="A29" s="85" t="s">
        <v>12</v>
      </c>
      <c r="B29" s="69"/>
      <c r="C29" s="70"/>
      <c r="D29" s="85"/>
      <c r="E29" s="85"/>
      <c r="F29" s="85"/>
      <c r="G29" s="86"/>
      <c r="H29" s="71"/>
      <c r="I29" s="72"/>
      <c r="J29" s="94"/>
      <c r="K29" s="136"/>
      <c r="L29" s="97"/>
      <c r="M29" s="97"/>
      <c r="N29" s="50"/>
      <c r="O29" s="50"/>
      <c r="P29" s="50"/>
    </row>
    <row r="30" spans="1:62" s="40" customFormat="1" ht="33" customHeight="1" x14ac:dyDescent="0.25">
      <c r="A30" s="87" t="s">
        <v>13</v>
      </c>
      <c r="B30" s="88"/>
      <c r="C30" s="89"/>
      <c r="D30" s="87"/>
      <c r="E30" s="87"/>
      <c r="F30" s="87"/>
      <c r="G30" s="87"/>
      <c r="H30" s="90"/>
      <c r="I30" s="91"/>
      <c r="J30" s="95"/>
      <c r="K30" s="137"/>
      <c r="L30" s="97"/>
      <c r="M30" s="97"/>
      <c r="N30" s="50"/>
      <c r="O30" s="50"/>
      <c r="P30" s="50"/>
    </row>
    <row r="31" spans="1:62" s="45" customFormat="1" ht="33" customHeight="1" x14ac:dyDescent="0.25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127"/>
      <c r="M31" s="127"/>
      <c r="O31" s="63"/>
      <c r="P31" s="63"/>
    </row>
    <row r="32" spans="1:62" s="46" customFormat="1" ht="29.25" customHeight="1" x14ac:dyDescent="0.25">
      <c r="A32" s="139" t="s">
        <v>491</v>
      </c>
      <c r="B32" s="139"/>
      <c r="C32" s="139"/>
      <c r="D32" s="139"/>
      <c r="E32" s="139"/>
      <c r="F32" s="139"/>
      <c r="G32" s="139"/>
      <c r="H32" s="139"/>
      <c r="I32" s="139"/>
      <c r="J32" s="139"/>
      <c r="K32" s="139"/>
      <c r="L32" s="64"/>
      <c r="M32" s="64"/>
      <c r="N32" s="64"/>
      <c r="O32" s="64"/>
      <c r="P32" s="64"/>
    </row>
    <row r="33" spans="1:62" s="39" customFormat="1" ht="33" customHeight="1" x14ac:dyDescent="0.25">
      <c r="A33" s="128" t="s">
        <v>24</v>
      </c>
      <c r="B33" s="128" t="s">
        <v>39</v>
      </c>
      <c r="C33" s="128" t="s">
        <v>40</v>
      </c>
      <c r="D33" s="128" t="s">
        <v>30</v>
      </c>
      <c r="E33" s="128" t="s">
        <v>32</v>
      </c>
      <c r="F33" s="128" t="s">
        <v>41</v>
      </c>
      <c r="G33" s="128" t="s">
        <v>42</v>
      </c>
      <c r="H33" s="130" t="s">
        <v>45</v>
      </c>
      <c r="I33" s="131"/>
      <c r="J33" s="131"/>
      <c r="K33" s="132" t="s">
        <v>53</v>
      </c>
      <c r="L33" s="134"/>
      <c r="M33" s="134"/>
      <c r="N33" s="47"/>
      <c r="O33" s="47"/>
      <c r="P33" s="47"/>
    </row>
    <row r="34" spans="1:62" s="39" customFormat="1" ht="22.5" customHeight="1" x14ac:dyDescent="0.25">
      <c r="A34" s="129"/>
      <c r="B34" s="129"/>
      <c r="C34" s="129"/>
      <c r="D34" s="129"/>
      <c r="E34" s="129"/>
      <c r="F34" s="129"/>
      <c r="G34" s="129"/>
      <c r="H34" s="48" t="s">
        <v>26</v>
      </c>
      <c r="I34" s="49" t="s">
        <v>27</v>
      </c>
      <c r="J34" s="92" t="s">
        <v>28</v>
      </c>
      <c r="K34" s="133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35" t="s">
        <v>297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36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37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39" t="s">
        <v>492</v>
      </c>
      <c r="B40" s="139"/>
      <c r="C40" s="139"/>
      <c r="D40" s="139"/>
      <c r="E40" s="139"/>
      <c r="F40" s="139"/>
      <c r="G40" s="139"/>
      <c r="H40" s="139"/>
      <c r="I40" s="139"/>
      <c r="J40" s="139"/>
      <c r="K40" s="139"/>
      <c r="L40" s="64"/>
      <c r="M40" s="64"/>
      <c r="N40" s="64"/>
      <c r="O40" s="64"/>
      <c r="P40" s="64"/>
    </row>
    <row r="41" spans="1:62" s="39" customFormat="1" ht="33" customHeight="1" x14ac:dyDescent="0.25">
      <c r="A41" s="128" t="s">
        <v>24</v>
      </c>
      <c r="B41" s="128" t="s">
        <v>39</v>
      </c>
      <c r="C41" s="128" t="s">
        <v>40</v>
      </c>
      <c r="D41" s="128" t="s">
        <v>30</v>
      </c>
      <c r="E41" s="128" t="s">
        <v>32</v>
      </c>
      <c r="F41" s="128" t="s">
        <v>41</v>
      </c>
      <c r="G41" s="128" t="s">
        <v>42</v>
      </c>
      <c r="H41" s="130" t="s">
        <v>45</v>
      </c>
      <c r="I41" s="131"/>
      <c r="J41" s="131"/>
      <c r="K41" s="132" t="s">
        <v>53</v>
      </c>
      <c r="L41" s="134"/>
      <c r="M41" s="134"/>
      <c r="N41" s="47"/>
      <c r="O41" s="47"/>
      <c r="P41" s="47"/>
    </row>
    <row r="42" spans="1:62" s="39" customFormat="1" ht="22.5" customHeight="1" x14ac:dyDescent="0.25">
      <c r="A42" s="129"/>
      <c r="B42" s="129"/>
      <c r="C42" s="129"/>
      <c r="D42" s="129"/>
      <c r="E42" s="129"/>
      <c r="F42" s="129"/>
      <c r="G42" s="129"/>
      <c r="H42" s="48" t="s">
        <v>26</v>
      </c>
      <c r="I42" s="49" t="s">
        <v>27</v>
      </c>
      <c r="J42" s="92" t="s">
        <v>28</v>
      </c>
      <c r="K42" s="133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35" t="s">
        <v>80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36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37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39" t="s">
        <v>493</v>
      </c>
      <c r="B48" s="139"/>
      <c r="C48" s="139"/>
      <c r="D48" s="139"/>
      <c r="E48" s="139"/>
      <c r="F48" s="139"/>
      <c r="G48" s="139"/>
      <c r="H48" s="139"/>
      <c r="I48" s="139"/>
      <c r="J48" s="139"/>
      <c r="K48" s="139"/>
      <c r="L48" s="64"/>
      <c r="M48" s="64"/>
      <c r="N48" s="64"/>
      <c r="O48" s="64"/>
      <c r="P48" s="64"/>
    </row>
    <row r="49" spans="1:62" s="39" customFormat="1" ht="33" customHeight="1" x14ac:dyDescent="0.25">
      <c r="A49" s="128" t="s">
        <v>24</v>
      </c>
      <c r="B49" s="128" t="s">
        <v>39</v>
      </c>
      <c r="C49" s="128" t="s">
        <v>40</v>
      </c>
      <c r="D49" s="128" t="s">
        <v>30</v>
      </c>
      <c r="E49" s="128" t="s">
        <v>32</v>
      </c>
      <c r="F49" s="128" t="s">
        <v>41</v>
      </c>
      <c r="G49" s="128" t="s">
        <v>42</v>
      </c>
      <c r="H49" s="130" t="s">
        <v>45</v>
      </c>
      <c r="I49" s="131"/>
      <c r="J49" s="131"/>
      <c r="K49" s="132" t="s">
        <v>53</v>
      </c>
      <c r="L49" s="134"/>
      <c r="M49" s="134"/>
      <c r="N49" s="47"/>
      <c r="O49" s="47"/>
      <c r="P49" s="47"/>
    </row>
    <row r="50" spans="1:62" s="39" customFormat="1" ht="22.5" customHeight="1" x14ac:dyDescent="0.25">
      <c r="A50" s="129"/>
      <c r="B50" s="129"/>
      <c r="C50" s="129"/>
      <c r="D50" s="129"/>
      <c r="E50" s="129"/>
      <c r="F50" s="129"/>
      <c r="G50" s="129"/>
      <c r="H50" s="48" t="s">
        <v>26</v>
      </c>
      <c r="I50" s="49" t="s">
        <v>27</v>
      </c>
      <c r="J50" s="92" t="s">
        <v>28</v>
      </c>
      <c r="K50" s="133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35" t="s">
        <v>71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36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37"/>
      <c r="L54" s="97"/>
      <c r="M54" s="97"/>
      <c r="N54" s="50"/>
      <c r="O54" s="50"/>
      <c r="P54" s="50"/>
    </row>
    <row r="55" spans="1:62" s="45" customFormat="1" ht="33" customHeight="1" x14ac:dyDescent="0.25">
      <c r="A55" s="60"/>
      <c r="B55" s="61"/>
      <c r="C55" s="61"/>
      <c r="D55" s="61"/>
      <c r="E55" s="62"/>
      <c r="F55" s="62"/>
      <c r="G55" s="62"/>
      <c r="H55" s="62"/>
      <c r="I55" s="61"/>
      <c r="J55" s="61"/>
      <c r="K55" s="61"/>
      <c r="L55" s="127"/>
      <c r="M55" s="127"/>
      <c r="O55" s="63"/>
      <c r="P55" s="63"/>
    </row>
    <row r="56" spans="1:62" s="46" customFormat="1" ht="29.25" customHeight="1" x14ac:dyDescent="0.25">
      <c r="A56" s="139" t="s">
        <v>494</v>
      </c>
      <c r="B56" s="139"/>
      <c r="C56" s="139"/>
      <c r="D56" s="139"/>
      <c r="E56" s="139"/>
      <c r="F56" s="139"/>
      <c r="G56" s="139"/>
      <c r="H56" s="139"/>
      <c r="I56" s="139"/>
      <c r="J56" s="139"/>
      <c r="K56" s="139"/>
      <c r="L56" s="64"/>
      <c r="M56" s="64"/>
      <c r="N56" s="64"/>
      <c r="O56" s="64"/>
      <c r="P56" s="64"/>
    </row>
    <row r="57" spans="1:62" s="39" customFormat="1" ht="33" customHeight="1" x14ac:dyDescent="0.25">
      <c r="A57" s="128" t="s">
        <v>24</v>
      </c>
      <c r="B57" s="128" t="s">
        <v>39</v>
      </c>
      <c r="C57" s="128" t="s">
        <v>40</v>
      </c>
      <c r="D57" s="128" t="s">
        <v>30</v>
      </c>
      <c r="E57" s="128" t="s">
        <v>32</v>
      </c>
      <c r="F57" s="128" t="s">
        <v>41</v>
      </c>
      <c r="G57" s="128" t="s">
        <v>42</v>
      </c>
      <c r="H57" s="130" t="s">
        <v>45</v>
      </c>
      <c r="I57" s="131"/>
      <c r="J57" s="131"/>
      <c r="K57" s="132" t="s">
        <v>53</v>
      </c>
      <c r="L57" s="134"/>
      <c r="M57" s="134"/>
      <c r="N57" s="47"/>
      <c r="O57" s="47"/>
      <c r="P57" s="47"/>
    </row>
    <row r="58" spans="1:62" s="39" customFormat="1" ht="22.5" customHeight="1" x14ac:dyDescent="0.25">
      <c r="A58" s="129"/>
      <c r="B58" s="129"/>
      <c r="C58" s="129"/>
      <c r="D58" s="129"/>
      <c r="E58" s="129"/>
      <c r="F58" s="129"/>
      <c r="G58" s="129"/>
      <c r="H58" s="48" t="s">
        <v>26</v>
      </c>
      <c r="I58" s="49" t="s">
        <v>27</v>
      </c>
      <c r="J58" s="92" t="s">
        <v>28</v>
      </c>
      <c r="K58" s="133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35" t="s">
        <v>496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36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37"/>
      <c r="L62" s="97"/>
      <c r="M62" s="97"/>
      <c r="N62" s="50"/>
      <c r="O62" s="50"/>
      <c r="P62" s="50"/>
    </row>
    <row r="63" spans="1:62" s="13" customFormat="1" ht="15.75" customHeight="1" x14ac:dyDescent="0.2">
      <c r="A63" s="23"/>
      <c r="B63" s="23"/>
      <c r="C63" s="10"/>
      <c r="D63" s="41"/>
      <c r="F63" s="14"/>
      <c r="G63" s="14"/>
      <c r="H63" s="14"/>
      <c r="I63" s="14"/>
      <c r="J63" s="26"/>
      <c r="K63" s="26"/>
      <c r="L63" s="26"/>
      <c r="M63" s="26"/>
    </row>
    <row r="64" spans="1:62" s="18" customFormat="1" ht="20.100000000000001" customHeight="1" x14ac:dyDescent="0.2">
      <c r="A64" s="42" t="s">
        <v>3</v>
      </c>
      <c r="B64" s="42"/>
      <c r="C64" s="141"/>
      <c r="D64" s="141"/>
      <c r="E64" s="25"/>
      <c r="F64" s="17"/>
      <c r="G64" s="17"/>
      <c r="H64" s="17"/>
      <c r="I64" s="17"/>
      <c r="J64" s="17"/>
      <c r="K64" s="26"/>
      <c r="L64" s="26"/>
    </row>
    <row r="65" spans="1:13" s="18" customFormat="1" ht="20.100000000000001" customHeight="1" x14ac:dyDescent="0.2">
      <c r="A65" s="42" t="s">
        <v>4</v>
      </c>
      <c r="B65" s="42"/>
      <c r="C65" s="140"/>
      <c r="D65" s="140"/>
      <c r="E65" s="20"/>
      <c r="F65" s="17"/>
      <c r="G65" s="17"/>
      <c r="H65" s="17"/>
      <c r="I65" s="17"/>
      <c r="J65" s="17"/>
      <c r="K65" s="21"/>
      <c r="L65" s="22"/>
    </row>
    <row r="66" spans="1:13" s="18" customFormat="1" ht="20.100000000000001" customHeight="1" x14ac:dyDescent="0.2">
      <c r="A66" s="42" t="s">
        <v>5</v>
      </c>
      <c r="B66" s="42"/>
      <c r="C66" s="140"/>
      <c r="D66" s="140"/>
      <c r="E66" s="20"/>
      <c r="F66" s="17"/>
      <c r="G66" s="17"/>
      <c r="H66" s="17"/>
      <c r="I66" s="17"/>
      <c r="J66" s="17"/>
      <c r="K66" s="21"/>
      <c r="L66" s="22"/>
    </row>
    <row r="67" spans="1:13" s="18" customFormat="1" ht="20.100000000000001" customHeight="1" x14ac:dyDescent="0.25">
      <c r="A67" s="42"/>
      <c r="B67" s="42"/>
      <c r="C67" s="42"/>
      <c r="D67" s="19"/>
      <c r="E67" s="20"/>
      <c r="F67" s="17"/>
      <c r="G67" s="17"/>
      <c r="H67" s="17"/>
      <c r="I67" s="17"/>
      <c r="J67" s="17"/>
      <c r="K67" s="21"/>
      <c r="L67" s="22"/>
    </row>
    <row r="68" spans="1:13" s="18" customFormat="1" ht="20.100000000000001" customHeight="1" x14ac:dyDescent="0.2">
      <c r="A68" s="42" t="s">
        <v>6</v>
      </c>
      <c r="B68" s="42"/>
      <c r="C68" s="141"/>
      <c r="D68" s="141"/>
      <c r="E68" s="20"/>
      <c r="F68" s="17"/>
      <c r="G68" s="17"/>
      <c r="H68" s="17"/>
      <c r="I68" s="17"/>
      <c r="J68" s="17"/>
      <c r="K68" s="21"/>
      <c r="L68" s="22"/>
    </row>
    <row r="69" spans="1:13" s="18" customFormat="1" ht="20.100000000000001" customHeight="1" x14ac:dyDescent="0.2">
      <c r="A69" s="42" t="s">
        <v>7</v>
      </c>
      <c r="B69" s="42"/>
      <c r="C69" s="140"/>
      <c r="D69" s="140"/>
      <c r="E69" s="20"/>
      <c r="F69" s="17"/>
      <c r="G69" s="27" t="s">
        <v>20</v>
      </c>
      <c r="H69" s="151"/>
      <c r="I69" s="151"/>
      <c r="J69" s="17"/>
      <c r="K69" s="21"/>
      <c r="L69" s="22"/>
    </row>
    <row r="70" spans="1:13" s="18" customFormat="1" ht="20.100000000000001" customHeight="1" x14ac:dyDescent="0.2">
      <c r="A70" s="42" t="s">
        <v>8</v>
      </c>
      <c r="B70" s="42"/>
      <c r="C70" s="140"/>
      <c r="D70" s="140"/>
      <c r="E70" s="20"/>
      <c r="F70" s="17"/>
      <c r="G70" s="28"/>
      <c r="H70" s="29"/>
      <c r="I70" s="29"/>
    </row>
    <row r="71" spans="1:13" s="18" customFormat="1" ht="20.100000000000001" customHeight="1" x14ac:dyDescent="0.25">
      <c r="A71" s="19"/>
      <c r="B71" s="19"/>
      <c r="C71" s="19"/>
      <c r="D71" s="20"/>
      <c r="E71" s="20"/>
      <c r="F71" s="17"/>
      <c r="G71" s="30" t="s">
        <v>21</v>
      </c>
      <c r="H71" s="152"/>
      <c r="I71" s="152"/>
    </row>
    <row r="72" spans="1:13" s="18" customFormat="1" ht="20.100000000000001" customHeight="1" x14ac:dyDescent="0.25">
      <c r="A72" s="19"/>
      <c r="B72" s="19"/>
      <c r="C72" s="19"/>
      <c r="D72" s="20"/>
      <c r="E72" s="20"/>
      <c r="F72" s="17"/>
      <c r="G72" s="30" t="s">
        <v>22</v>
      </c>
      <c r="H72" s="150"/>
      <c r="I72" s="150"/>
    </row>
    <row r="73" spans="1:13" s="13" customFormat="1" ht="20.100000000000001" customHeight="1" x14ac:dyDescent="0.2">
      <c r="A73" s="10" t="s">
        <v>2</v>
      </c>
      <c r="B73" s="140"/>
      <c r="C73" s="140"/>
      <c r="D73" s="11"/>
      <c r="E73" s="11"/>
      <c r="F73" s="14"/>
      <c r="G73" s="31" t="s">
        <v>23</v>
      </c>
      <c r="H73" s="28"/>
      <c r="I73" s="32"/>
      <c r="M73" s="10"/>
    </row>
    <row r="74" spans="1:13" s="13" customFormat="1" ht="20.100000000000001" customHeight="1" x14ac:dyDescent="0.2">
      <c r="A74" s="10" t="s">
        <v>1</v>
      </c>
      <c r="B74" s="149"/>
      <c r="C74" s="149"/>
      <c r="D74" s="11"/>
      <c r="E74" s="11"/>
      <c r="F74" s="14"/>
      <c r="G74" s="14"/>
      <c r="H74" s="14"/>
      <c r="I74" s="14"/>
      <c r="M74" s="10"/>
    </row>
    <row r="75" spans="1:13" s="13" customFormat="1" x14ac:dyDescent="0.2">
      <c r="A75" s="10"/>
      <c r="B75" s="10"/>
      <c r="C75" s="10"/>
      <c r="D75" s="11"/>
      <c r="E75" s="11"/>
      <c r="F75" s="14"/>
      <c r="G75" s="14"/>
      <c r="H75" s="14"/>
      <c r="I75" s="14"/>
      <c r="J75" s="14"/>
      <c r="K75" s="12"/>
      <c r="L75" s="10"/>
      <c r="M75" s="10"/>
    </row>
    <row r="76" spans="1:13" s="13" customFormat="1" ht="15" customHeight="1" x14ac:dyDescent="0.2">
      <c r="A76" s="10"/>
      <c r="B76" s="10"/>
      <c r="D76" s="11"/>
      <c r="E76" s="11"/>
      <c r="F76" s="14"/>
      <c r="G76" s="14"/>
      <c r="H76" s="14"/>
      <c r="I76" s="14"/>
      <c r="J76" s="14"/>
      <c r="K76" s="12"/>
      <c r="L76" s="10"/>
      <c r="M76" s="10"/>
    </row>
    <row r="77" spans="1:13" s="2" customFormat="1" x14ac:dyDescent="0.2">
      <c r="A77" s="148" t="s">
        <v>10</v>
      </c>
      <c r="B77" s="148"/>
      <c r="D77" s="3"/>
      <c r="E77" s="3"/>
      <c r="F77" s="4"/>
      <c r="G77" s="4"/>
      <c r="H77" s="4"/>
      <c r="I77" s="4"/>
      <c r="J77" s="4"/>
      <c r="K77" s="15"/>
    </row>
    <row r="78" spans="1:13" ht="14.25" x14ac:dyDescent="0.2">
      <c r="A78" s="33"/>
      <c r="B78" s="34" t="s">
        <v>11</v>
      </c>
    </row>
    <row r="79" spans="1:13" ht="6.75" customHeight="1" x14ac:dyDescent="0.2">
      <c r="A79" s="35"/>
      <c r="B79" s="36"/>
    </row>
  </sheetData>
  <mergeCells count="9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6:K16"/>
    <mergeCell ref="A17:A18"/>
    <mergeCell ref="B17:B18"/>
    <mergeCell ref="C17:C18"/>
    <mergeCell ref="D17:D18"/>
    <mergeCell ref="E17:E18"/>
    <mergeCell ref="F17:F18"/>
    <mergeCell ref="G17:G18"/>
    <mergeCell ref="K28:K30"/>
    <mergeCell ref="H17:J17"/>
    <mergeCell ref="K17:K18"/>
    <mergeCell ref="L17:M17"/>
    <mergeCell ref="K20:K22"/>
    <mergeCell ref="A24:K24"/>
    <mergeCell ref="A25:A26"/>
    <mergeCell ref="B25:B26"/>
    <mergeCell ref="C25:C26"/>
    <mergeCell ref="D25:D26"/>
    <mergeCell ref="E25:E26"/>
    <mergeCell ref="F25:F26"/>
    <mergeCell ref="G25:G26"/>
    <mergeCell ref="H25:J25"/>
    <mergeCell ref="K25:K26"/>
    <mergeCell ref="L25:M25"/>
    <mergeCell ref="A32:K32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L33:M33"/>
    <mergeCell ref="K36:K38"/>
    <mergeCell ref="A40:K40"/>
    <mergeCell ref="A41:A42"/>
    <mergeCell ref="B41:B42"/>
    <mergeCell ref="C41:C42"/>
    <mergeCell ref="D41:D42"/>
    <mergeCell ref="E41:E42"/>
    <mergeCell ref="F41:F42"/>
    <mergeCell ref="G41:G42"/>
    <mergeCell ref="K52:K54"/>
    <mergeCell ref="H41:J41"/>
    <mergeCell ref="K41:K42"/>
    <mergeCell ref="L41:M41"/>
    <mergeCell ref="K44:K46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49:M49"/>
    <mergeCell ref="C68:D68"/>
    <mergeCell ref="A56:K56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  <mergeCell ref="L57:M57"/>
    <mergeCell ref="K60:K62"/>
    <mergeCell ref="C64:D64"/>
    <mergeCell ref="C65:D65"/>
    <mergeCell ref="C66:D66"/>
    <mergeCell ref="B74:C74"/>
    <mergeCell ref="A77:B77"/>
    <mergeCell ref="C69:D69"/>
    <mergeCell ref="H69:I69"/>
    <mergeCell ref="C70:D70"/>
    <mergeCell ref="H71:I71"/>
    <mergeCell ref="H72:I72"/>
    <mergeCell ref="B73:C73"/>
  </mergeCells>
  <conditionalFormatting sqref="B73:C73">
    <cfRule type="containsBlanks" dxfId="5" priority="6">
      <formula>LEN(TRIM(B73))=0</formula>
    </cfRule>
  </conditionalFormatting>
  <conditionalFormatting sqref="B74:C74">
    <cfRule type="containsBlanks" dxfId="4" priority="5">
      <formula>LEN(TRIM(B74))=0</formula>
    </cfRule>
  </conditionalFormatting>
  <conditionalFormatting sqref="H71:I71">
    <cfRule type="containsBlanks" dxfId="3" priority="4">
      <formula>LEN(TRIM(H71))=0</formula>
    </cfRule>
  </conditionalFormatting>
  <conditionalFormatting sqref="H72:I72">
    <cfRule type="containsBlanks" dxfId="2" priority="3">
      <formula>LEN(TRIM(H72))=0</formula>
    </cfRule>
  </conditionalFormatting>
  <conditionalFormatting sqref="C64:D66">
    <cfRule type="containsBlanks" dxfId="1" priority="2">
      <formula>LEN(TRIM(C64))=0</formula>
    </cfRule>
  </conditionalFormatting>
  <conditionalFormatting sqref="C68:D70">
    <cfRule type="containsBlanks" dxfId="0" priority="1">
      <formula>LEN(TRIM(C68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3" max="12" man="1"/>
    <brk id="47" max="12" man="1"/>
  </rowBreaks>
  <colBreaks count="1" manualBreakCount="1">
    <brk id="13" max="28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A2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04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05</v>
      </c>
      <c r="C9" s="114" t="s">
        <v>46</v>
      </c>
      <c r="D9" s="119">
        <v>50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39" t="s">
        <v>106</v>
      </c>
      <c r="B11" s="139"/>
      <c r="C11" s="139"/>
      <c r="D11" s="139"/>
      <c r="E11" s="139"/>
      <c r="F11" s="139"/>
      <c r="G11" s="139"/>
      <c r="H11" s="139"/>
      <c r="I11" s="139"/>
      <c r="J11" s="139"/>
      <c r="K11" s="139"/>
      <c r="L11" s="64"/>
      <c r="M11" s="64"/>
      <c r="N11" s="64"/>
      <c r="O11" s="64"/>
      <c r="P11" s="64"/>
    </row>
    <row r="12" spans="1:62" s="39" customFormat="1" ht="33" customHeight="1" x14ac:dyDescent="0.25">
      <c r="A12" s="128" t="s">
        <v>24</v>
      </c>
      <c r="B12" s="128" t="s">
        <v>39</v>
      </c>
      <c r="C12" s="128" t="s">
        <v>40</v>
      </c>
      <c r="D12" s="128" t="s">
        <v>30</v>
      </c>
      <c r="E12" s="128" t="s">
        <v>32</v>
      </c>
      <c r="F12" s="128" t="s">
        <v>41</v>
      </c>
      <c r="G12" s="128" t="s">
        <v>42</v>
      </c>
      <c r="H12" s="130" t="s">
        <v>45</v>
      </c>
      <c r="I12" s="131"/>
      <c r="J12" s="131"/>
      <c r="K12" s="132" t="s">
        <v>53</v>
      </c>
      <c r="L12" s="134"/>
      <c r="M12" s="134"/>
      <c r="N12" s="47"/>
      <c r="O12" s="47"/>
      <c r="P12" s="47"/>
    </row>
    <row r="13" spans="1:62" s="39" customFormat="1" ht="22.5" customHeight="1" x14ac:dyDescent="0.25">
      <c r="A13" s="129"/>
      <c r="B13" s="129"/>
      <c r="C13" s="129"/>
      <c r="D13" s="129"/>
      <c r="E13" s="129"/>
      <c r="F13" s="129"/>
      <c r="G13" s="129"/>
      <c r="H13" s="48" t="s">
        <v>26</v>
      </c>
      <c r="I13" s="49" t="s">
        <v>27</v>
      </c>
      <c r="J13" s="92" t="s">
        <v>28</v>
      </c>
      <c r="K13" s="133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35" t="s">
        <v>10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36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37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40"/>
      <c r="D20" s="14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40"/>
      <c r="D21" s="14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40"/>
      <c r="D24" s="140"/>
      <c r="E24" s="20"/>
      <c r="F24" s="17"/>
      <c r="G24" s="27" t="s">
        <v>20</v>
      </c>
      <c r="H24" s="151"/>
      <c r="I24" s="151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40"/>
      <c r="D25" s="14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52"/>
      <c r="I26" s="152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50"/>
      <c r="I27" s="150"/>
    </row>
    <row r="28" spans="1:16" s="13" customFormat="1" ht="20.100000000000001" customHeight="1" x14ac:dyDescent="0.2">
      <c r="A28" s="10" t="s">
        <v>2</v>
      </c>
      <c r="B28" s="140"/>
      <c r="C28" s="14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9"/>
      <c r="C29" s="149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8" t="s">
        <v>10</v>
      </c>
      <c r="B32" s="148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C25:D25"/>
    <mergeCell ref="H24:I24"/>
    <mergeCell ref="H12:J12"/>
    <mergeCell ref="K12:K13"/>
    <mergeCell ref="L12:M12"/>
    <mergeCell ref="K15:K17"/>
    <mergeCell ref="C19:D19"/>
    <mergeCell ref="C20:D20"/>
    <mergeCell ref="C21:D21"/>
    <mergeCell ref="C23:D23"/>
    <mergeCell ref="C24:D24"/>
    <mergeCell ref="H26:I26"/>
    <mergeCell ref="H27:I27"/>
    <mergeCell ref="B28:C28"/>
    <mergeCell ref="B29:C29"/>
    <mergeCell ref="A32:B32"/>
  </mergeCells>
  <conditionalFormatting sqref="B28:C28">
    <cfRule type="containsBlanks" dxfId="329" priority="6">
      <formula>LEN(TRIM(B28))=0</formula>
    </cfRule>
  </conditionalFormatting>
  <conditionalFormatting sqref="B29:C29">
    <cfRule type="containsBlanks" dxfId="328" priority="5">
      <formula>LEN(TRIM(B29))=0</formula>
    </cfRule>
  </conditionalFormatting>
  <conditionalFormatting sqref="H26:I26">
    <cfRule type="containsBlanks" dxfId="327" priority="4">
      <formula>LEN(TRIM(H26))=0</formula>
    </cfRule>
  </conditionalFormatting>
  <conditionalFormatting sqref="H27:I27">
    <cfRule type="containsBlanks" dxfId="326" priority="3">
      <formula>LEN(TRIM(H27))=0</formula>
    </cfRule>
  </conditionalFormatting>
  <conditionalFormatting sqref="C19:D21">
    <cfRule type="containsBlanks" dxfId="325" priority="2">
      <formula>LEN(TRIM(C19))=0</formula>
    </cfRule>
  </conditionalFormatting>
  <conditionalFormatting sqref="C23:D25">
    <cfRule type="containsBlanks" dxfId="32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52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08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09</v>
      </c>
      <c r="C9" s="114" t="s">
        <v>46</v>
      </c>
      <c r="D9" s="119">
        <v>2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x14ac:dyDescent="0.25">
      <c r="A10" s="51" t="s">
        <v>12</v>
      </c>
      <c r="B10" s="52" t="s">
        <v>110</v>
      </c>
      <c r="C10" s="114" t="s">
        <v>46</v>
      </c>
      <c r="D10" s="119">
        <v>18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4" customFormat="1" ht="39.75" customHeight="1" thickBot="1" x14ac:dyDescent="0.3">
      <c r="A11" s="51" t="s">
        <v>13</v>
      </c>
      <c r="B11" s="52" t="s">
        <v>111</v>
      </c>
      <c r="C11" s="114" t="s">
        <v>46</v>
      </c>
      <c r="D11" s="119">
        <v>240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62" s="45" customFormat="1" ht="33" customHeight="1" thickBot="1" x14ac:dyDescent="0.3">
      <c r="A12" s="60"/>
      <c r="B12" s="61"/>
      <c r="C12" s="61"/>
      <c r="D12" s="61"/>
      <c r="E12" s="62"/>
      <c r="F12" s="62"/>
      <c r="G12" s="62"/>
      <c r="H12" s="62"/>
      <c r="I12" s="61"/>
      <c r="J12" s="61"/>
      <c r="K12" s="61"/>
      <c r="L12" s="98">
        <f>SUM(L9:L11)</f>
        <v>0</v>
      </c>
      <c r="M12" s="116">
        <f>SUM(M9:M11)</f>
        <v>0</v>
      </c>
      <c r="O12" s="63"/>
      <c r="P12" s="63"/>
    </row>
    <row r="13" spans="1:62" s="46" customFormat="1" ht="29.25" customHeight="1" x14ac:dyDescent="0.25">
      <c r="A13" s="139" t="s">
        <v>112</v>
      </c>
      <c r="B13" s="139"/>
      <c r="C13" s="139"/>
      <c r="D13" s="139"/>
      <c r="E13" s="139"/>
      <c r="F13" s="139"/>
      <c r="G13" s="139"/>
      <c r="H13" s="139"/>
      <c r="I13" s="139"/>
      <c r="J13" s="139"/>
      <c r="K13" s="139"/>
      <c r="L13" s="64"/>
      <c r="M13" s="64"/>
      <c r="N13" s="64"/>
      <c r="O13" s="64"/>
      <c r="P13" s="64"/>
    </row>
    <row r="14" spans="1:62" s="39" customFormat="1" ht="33" customHeight="1" x14ac:dyDescent="0.25">
      <c r="A14" s="128" t="s">
        <v>24</v>
      </c>
      <c r="B14" s="128" t="s">
        <v>39</v>
      </c>
      <c r="C14" s="128" t="s">
        <v>40</v>
      </c>
      <c r="D14" s="128" t="s">
        <v>30</v>
      </c>
      <c r="E14" s="128" t="s">
        <v>32</v>
      </c>
      <c r="F14" s="128" t="s">
        <v>41</v>
      </c>
      <c r="G14" s="128" t="s">
        <v>42</v>
      </c>
      <c r="H14" s="130" t="s">
        <v>45</v>
      </c>
      <c r="I14" s="131"/>
      <c r="J14" s="131"/>
      <c r="K14" s="132" t="s">
        <v>53</v>
      </c>
      <c r="L14" s="134"/>
      <c r="M14" s="134"/>
      <c r="N14" s="47"/>
      <c r="O14" s="47"/>
      <c r="P14" s="47"/>
    </row>
    <row r="15" spans="1:62" s="39" customFormat="1" ht="22.5" customHeight="1" x14ac:dyDescent="0.25">
      <c r="A15" s="129"/>
      <c r="B15" s="129"/>
      <c r="C15" s="129"/>
      <c r="D15" s="129"/>
      <c r="E15" s="129"/>
      <c r="F15" s="129"/>
      <c r="G15" s="129"/>
      <c r="H15" s="48" t="s">
        <v>26</v>
      </c>
      <c r="I15" s="49" t="s">
        <v>27</v>
      </c>
      <c r="J15" s="92" t="s">
        <v>28</v>
      </c>
      <c r="K15" s="133"/>
      <c r="L15" s="96"/>
      <c r="M15" s="96"/>
      <c r="N15" s="47"/>
      <c r="O15" s="47"/>
      <c r="P15" s="47"/>
    </row>
    <row r="16" spans="1:62" s="111" customFormat="1" ht="14.1" customHeight="1" x14ac:dyDescent="0.25">
      <c r="A16" s="102" t="s">
        <v>0</v>
      </c>
      <c r="B16" s="103" t="s">
        <v>12</v>
      </c>
      <c r="C16" s="103" t="s">
        <v>13</v>
      </c>
      <c r="D16" s="103" t="s">
        <v>14</v>
      </c>
      <c r="E16" s="112" t="s">
        <v>15</v>
      </c>
      <c r="F16" s="104" t="s">
        <v>16</v>
      </c>
      <c r="G16" s="99" t="s">
        <v>17</v>
      </c>
      <c r="H16" s="105" t="s">
        <v>18</v>
      </c>
      <c r="I16" s="106" t="s">
        <v>19</v>
      </c>
      <c r="J16" s="107" t="s">
        <v>35</v>
      </c>
      <c r="K16" s="108" t="s">
        <v>36</v>
      </c>
      <c r="L16" s="117"/>
      <c r="M16" s="117"/>
      <c r="N16" s="109"/>
      <c r="O16" s="109"/>
      <c r="P16" s="109"/>
      <c r="Q16" s="110"/>
      <c r="R16" s="110"/>
      <c r="S16" s="110"/>
      <c r="T16" s="110"/>
      <c r="U16" s="110"/>
      <c r="V16" s="110"/>
      <c r="W16" s="110"/>
      <c r="X16" s="110"/>
      <c r="Y16" s="110"/>
      <c r="Z16" s="110"/>
      <c r="AA16" s="110"/>
      <c r="AB16" s="110"/>
      <c r="AC16" s="110"/>
      <c r="AD16" s="110"/>
      <c r="AE16" s="110"/>
      <c r="AF16" s="110"/>
      <c r="AG16" s="110"/>
      <c r="AH16" s="110"/>
      <c r="AI16" s="110"/>
      <c r="AJ16" s="110"/>
      <c r="AK16" s="110"/>
      <c r="AL16" s="110"/>
      <c r="AM16" s="110"/>
      <c r="AN16" s="110"/>
      <c r="AO16" s="110"/>
      <c r="AP16" s="110"/>
      <c r="AQ16" s="110"/>
      <c r="AR16" s="110"/>
      <c r="AS16" s="110"/>
      <c r="AT16" s="110"/>
      <c r="AU16" s="110"/>
      <c r="AV16" s="110"/>
      <c r="AW16" s="110"/>
      <c r="AX16" s="110"/>
      <c r="AY16" s="110"/>
      <c r="AZ16" s="110"/>
      <c r="BA16" s="110"/>
      <c r="BB16" s="110"/>
      <c r="BC16" s="110"/>
      <c r="BD16" s="110"/>
      <c r="BE16" s="110"/>
      <c r="BF16" s="110"/>
      <c r="BG16" s="110"/>
      <c r="BH16" s="110"/>
      <c r="BI16" s="110"/>
      <c r="BJ16" s="110"/>
    </row>
    <row r="17" spans="1:62" s="40" customFormat="1" ht="33" customHeight="1" x14ac:dyDescent="0.25">
      <c r="A17" s="86" t="s">
        <v>0</v>
      </c>
      <c r="B17" s="65"/>
      <c r="C17" s="66"/>
      <c r="D17" s="84"/>
      <c r="E17" s="84"/>
      <c r="F17" s="84"/>
      <c r="G17" s="84"/>
      <c r="H17" s="67"/>
      <c r="I17" s="68"/>
      <c r="J17" s="93"/>
      <c r="K17" s="135" t="s">
        <v>80</v>
      </c>
      <c r="L17" s="97"/>
      <c r="M17" s="97"/>
      <c r="N17" s="50"/>
      <c r="O17" s="50"/>
      <c r="P17" s="50"/>
    </row>
    <row r="18" spans="1:62" s="40" customFormat="1" ht="33" customHeight="1" x14ac:dyDescent="0.25">
      <c r="A18" s="85" t="s">
        <v>12</v>
      </c>
      <c r="B18" s="69"/>
      <c r="C18" s="70"/>
      <c r="D18" s="85"/>
      <c r="E18" s="85"/>
      <c r="F18" s="85"/>
      <c r="G18" s="86"/>
      <c r="H18" s="71"/>
      <c r="I18" s="72"/>
      <c r="J18" s="94"/>
      <c r="K18" s="136"/>
      <c r="L18" s="97"/>
      <c r="M18" s="97"/>
      <c r="N18" s="50"/>
      <c r="O18" s="50"/>
      <c r="P18" s="50"/>
    </row>
    <row r="19" spans="1:62" s="40" customFormat="1" ht="33" customHeight="1" x14ac:dyDescent="0.25">
      <c r="A19" s="87" t="s">
        <v>13</v>
      </c>
      <c r="B19" s="88"/>
      <c r="C19" s="89"/>
      <c r="D19" s="87"/>
      <c r="E19" s="87"/>
      <c r="F19" s="87"/>
      <c r="G19" s="87"/>
      <c r="H19" s="90"/>
      <c r="I19" s="91"/>
      <c r="J19" s="95"/>
      <c r="K19" s="137"/>
      <c r="L19" s="97"/>
      <c r="M19" s="97"/>
      <c r="N19" s="50"/>
      <c r="O19" s="50"/>
      <c r="P19" s="50"/>
    </row>
    <row r="20" spans="1:62" s="13" customFormat="1" ht="15.75" customHeight="1" x14ac:dyDescent="0.2">
      <c r="A20" s="23"/>
      <c r="B20" s="23"/>
      <c r="C20" s="10"/>
      <c r="D20" s="41"/>
      <c r="F20" s="14"/>
      <c r="G20" s="14"/>
      <c r="H20" s="14"/>
      <c r="I20" s="14"/>
      <c r="J20" s="26"/>
      <c r="K20" s="26"/>
      <c r="L20" s="26"/>
      <c r="M20" s="26"/>
    </row>
    <row r="21" spans="1:62" s="46" customFormat="1" ht="29.25" customHeight="1" x14ac:dyDescent="0.25">
      <c r="A21" s="139" t="s">
        <v>113</v>
      </c>
      <c r="B21" s="139"/>
      <c r="C21" s="139"/>
      <c r="D21" s="139"/>
      <c r="E21" s="139"/>
      <c r="F21" s="139"/>
      <c r="G21" s="139"/>
      <c r="H21" s="139"/>
      <c r="I21" s="139"/>
      <c r="J21" s="139"/>
      <c r="K21" s="139"/>
      <c r="L21" s="64"/>
      <c r="M21" s="64"/>
      <c r="N21" s="64"/>
      <c r="O21" s="64"/>
      <c r="P21" s="64"/>
    </row>
    <row r="22" spans="1:62" s="39" customFormat="1" ht="33" customHeight="1" x14ac:dyDescent="0.25">
      <c r="A22" s="128" t="s">
        <v>24</v>
      </c>
      <c r="B22" s="128" t="s">
        <v>39</v>
      </c>
      <c r="C22" s="128" t="s">
        <v>40</v>
      </c>
      <c r="D22" s="128" t="s">
        <v>30</v>
      </c>
      <c r="E22" s="128" t="s">
        <v>32</v>
      </c>
      <c r="F22" s="128" t="s">
        <v>41</v>
      </c>
      <c r="G22" s="128" t="s">
        <v>42</v>
      </c>
      <c r="H22" s="130" t="s">
        <v>45</v>
      </c>
      <c r="I22" s="131"/>
      <c r="J22" s="131"/>
      <c r="K22" s="132" t="s">
        <v>53</v>
      </c>
      <c r="L22" s="134"/>
      <c r="M22" s="134"/>
      <c r="N22" s="47"/>
      <c r="O22" s="47"/>
      <c r="P22" s="47"/>
    </row>
    <row r="23" spans="1:62" s="39" customFormat="1" ht="22.5" customHeight="1" x14ac:dyDescent="0.25">
      <c r="A23" s="129"/>
      <c r="B23" s="129"/>
      <c r="C23" s="129"/>
      <c r="D23" s="129"/>
      <c r="E23" s="129"/>
      <c r="F23" s="129"/>
      <c r="G23" s="129"/>
      <c r="H23" s="48" t="s">
        <v>26</v>
      </c>
      <c r="I23" s="49" t="s">
        <v>27</v>
      </c>
      <c r="J23" s="92" t="s">
        <v>28</v>
      </c>
      <c r="K23" s="133"/>
      <c r="L23" s="96"/>
      <c r="M23" s="96"/>
      <c r="N23" s="47"/>
      <c r="O23" s="47"/>
      <c r="P23" s="47"/>
    </row>
    <row r="24" spans="1:62" s="111" customFormat="1" ht="14.1" customHeight="1" x14ac:dyDescent="0.25">
      <c r="A24" s="102" t="s">
        <v>0</v>
      </c>
      <c r="B24" s="103" t="s">
        <v>12</v>
      </c>
      <c r="C24" s="103" t="s">
        <v>13</v>
      </c>
      <c r="D24" s="103" t="s">
        <v>14</v>
      </c>
      <c r="E24" s="112" t="s">
        <v>15</v>
      </c>
      <c r="F24" s="104" t="s">
        <v>16</v>
      </c>
      <c r="G24" s="99" t="s">
        <v>17</v>
      </c>
      <c r="H24" s="105" t="s">
        <v>18</v>
      </c>
      <c r="I24" s="106" t="s">
        <v>19</v>
      </c>
      <c r="J24" s="107" t="s">
        <v>35</v>
      </c>
      <c r="K24" s="108" t="s">
        <v>36</v>
      </c>
      <c r="L24" s="117"/>
      <c r="M24" s="117"/>
      <c r="N24" s="109"/>
      <c r="O24" s="109"/>
      <c r="P24" s="109"/>
      <c r="Q24" s="110"/>
      <c r="R24" s="110"/>
      <c r="S24" s="110"/>
      <c r="T24" s="110"/>
      <c r="U24" s="110"/>
      <c r="V24" s="110"/>
      <c r="W24" s="110"/>
      <c r="X24" s="110"/>
      <c r="Y24" s="110"/>
      <c r="Z24" s="110"/>
      <c r="AA24" s="110"/>
      <c r="AB24" s="110"/>
      <c r="AC24" s="110"/>
      <c r="AD24" s="110"/>
      <c r="AE24" s="110"/>
      <c r="AF24" s="110"/>
      <c r="AG24" s="110"/>
      <c r="AH24" s="110"/>
      <c r="AI24" s="110"/>
      <c r="AJ24" s="110"/>
      <c r="AK24" s="110"/>
      <c r="AL24" s="110"/>
      <c r="AM24" s="110"/>
      <c r="AN24" s="110"/>
      <c r="AO24" s="110"/>
      <c r="AP24" s="110"/>
      <c r="AQ24" s="110"/>
      <c r="AR24" s="110"/>
      <c r="AS24" s="110"/>
      <c r="AT24" s="110"/>
      <c r="AU24" s="110"/>
      <c r="AV24" s="110"/>
      <c r="AW24" s="110"/>
      <c r="AX24" s="110"/>
      <c r="AY24" s="110"/>
      <c r="AZ24" s="110"/>
      <c r="BA24" s="110"/>
      <c r="BB24" s="110"/>
      <c r="BC24" s="110"/>
      <c r="BD24" s="110"/>
      <c r="BE24" s="110"/>
      <c r="BF24" s="110"/>
      <c r="BG24" s="110"/>
      <c r="BH24" s="110"/>
      <c r="BI24" s="110"/>
      <c r="BJ24" s="110"/>
    </row>
    <row r="25" spans="1:62" s="40" customFormat="1" ht="33" customHeight="1" x14ac:dyDescent="0.25">
      <c r="A25" s="86" t="s">
        <v>0</v>
      </c>
      <c r="B25" s="65"/>
      <c r="C25" s="66"/>
      <c r="D25" s="84"/>
      <c r="E25" s="84"/>
      <c r="F25" s="84"/>
      <c r="G25" s="84"/>
      <c r="H25" s="67"/>
      <c r="I25" s="68"/>
      <c r="J25" s="93"/>
      <c r="K25" s="135" t="s">
        <v>115</v>
      </c>
      <c r="L25" s="97"/>
      <c r="M25" s="97"/>
      <c r="N25" s="50"/>
      <c r="O25" s="50"/>
      <c r="P25" s="50"/>
    </row>
    <row r="26" spans="1:62" s="40" customFormat="1" ht="33" customHeight="1" x14ac:dyDescent="0.25">
      <c r="A26" s="85" t="s">
        <v>12</v>
      </c>
      <c r="B26" s="69"/>
      <c r="C26" s="70"/>
      <c r="D26" s="85"/>
      <c r="E26" s="85"/>
      <c r="F26" s="85"/>
      <c r="G26" s="86"/>
      <c r="H26" s="71"/>
      <c r="I26" s="72"/>
      <c r="J26" s="94"/>
      <c r="K26" s="136"/>
      <c r="L26" s="97"/>
      <c r="M26" s="97"/>
      <c r="N26" s="50"/>
      <c r="O26" s="50"/>
      <c r="P26" s="50"/>
    </row>
    <row r="27" spans="1:62" s="40" customFormat="1" ht="33" customHeight="1" x14ac:dyDescent="0.25">
      <c r="A27" s="87" t="s">
        <v>13</v>
      </c>
      <c r="B27" s="88"/>
      <c r="C27" s="89"/>
      <c r="D27" s="87"/>
      <c r="E27" s="87"/>
      <c r="F27" s="87"/>
      <c r="G27" s="87"/>
      <c r="H27" s="90"/>
      <c r="I27" s="91"/>
      <c r="J27" s="95"/>
      <c r="K27" s="137"/>
      <c r="L27" s="97"/>
      <c r="M27" s="97"/>
      <c r="N27" s="50"/>
      <c r="O27" s="50"/>
      <c r="P27" s="50"/>
    </row>
    <row r="28" spans="1:62" s="45" customFormat="1" ht="33" customHeight="1" x14ac:dyDescent="0.25">
      <c r="A28" s="60"/>
      <c r="B28" s="61"/>
      <c r="C28" s="61"/>
      <c r="D28" s="61"/>
      <c r="E28" s="62"/>
      <c r="F28" s="62"/>
      <c r="G28" s="62"/>
      <c r="H28" s="62"/>
      <c r="I28" s="61"/>
      <c r="J28" s="61"/>
      <c r="K28" s="61"/>
      <c r="L28" s="127"/>
      <c r="M28" s="127"/>
      <c r="O28" s="63"/>
      <c r="P28" s="63"/>
    </row>
    <row r="29" spans="1:62" s="46" customFormat="1" ht="29.25" customHeight="1" x14ac:dyDescent="0.25">
      <c r="A29" s="139" t="s">
        <v>114</v>
      </c>
      <c r="B29" s="139"/>
      <c r="C29" s="139"/>
      <c r="D29" s="139"/>
      <c r="E29" s="139"/>
      <c r="F29" s="139"/>
      <c r="G29" s="139"/>
      <c r="H29" s="139"/>
      <c r="I29" s="139"/>
      <c r="J29" s="139"/>
      <c r="K29" s="139"/>
      <c r="L29" s="64"/>
      <c r="M29" s="64"/>
      <c r="N29" s="64"/>
      <c r="O29" s="64"/>
      <c r="P29" s="64"/>
    </row>
    <row r="30" spans="1:62" s="39" customFormat="1" ht="33" customHeight="1" x14ac:dyDescent="0.25">
      <c r="A30" s="128" t="s">
        <v>24</v>
      </c>
      <c r="B30" s="128" t="s">
        <v>39</v>
      </c>
      <c r="C30" s="128" t="s">
        <v>40</v>
      </c>
      <c r="D30" s="128" t="s">
        <v>30</v>
      </c>
      <c r="E30" s="128" t="s">
        <v>32</v>
      </c>
      <c r="F30" s="128" t="s">
        <v>41</v>
      </c>
      <c r="G30" s="128" t="s">
        <v>42</v>
      </c>
      <c r="H30" s="130" t="s">
        <v>45</v>
      </c>
      <c r="I30" s="131"/>
      <c r="J30" s="131"/>
      <c r="K30" s="132" t="s">
        <v>53</v>
      </c>
      <c r="L30" s="134"/>
      <c r="M30" s="134"/>
      <c r="N30" s="47"/>
      <c r="O30" s="47"/>
      <c r="P30" s="47"/>
    </row>
    <row r="31" spans="1:62" s="39" customFormat="1" ht="22.5" customHeight="1" x14ac:dyDescent="0.25">
      <c r="A31" s="129"/>
      <c r="B31" s="129"/>
      <c r="C31" s="129"/>
      <c r="D31" s="129"/>
      <c r="E31" s="129"/>
      <c r="F31" s="129"/>
      <c r="G31" s="129"/>
      <c r="H31" s="48" t="s">
        <v>26</v>
      </c>
      <c r="I31" s="49" t="s">
        <v>27</v>
      </c>
      <c r="J31" s="92" t="s">
        <v>28</v>
      </c>
      <c r="K31" s="133"/>
      <c r="L31" s="96"/>
      <c r="M31" s="96"/>
      <c r="N31" s="47"/>
      <c r="O31" s="47"/>
      <c r="P31" s="47"/>
    </row>
    <row r="32" spans="1:62" s="111" customFormat="1" ht="14.1" customHeight="1" x14ac:dyDescent="0.25">
      <c r="A32" s="102" t="s">
        <v>0</v>
      </c>
      <c r="B32" s="103" t="s">
        <v>12</v>
      </c>
      <c r="C32" s="103" t="s">
        <v>13</v>
      </c>
      <c r="D32" s="103" t="s">
        <v>14</v>
      </c>
      <c r="E32" s="112" t="s">
        <v>15</v>
      </c>
      <c r="F32" s="104" t="s">
        <v>16</v>
      </c>
      <c r="G32" s="99" t="s">
        <v>17</v>
      </c>
      <c r="H32" s="105" t="s">
        <v>18</v>
      </c>
      <c r="I32" s="106" t="s">
        <v>19</v>
      </c>
      <c r="J32" s="107" t="s">
        <v>35</v>
      </c>
      <c r="K32" s="108" t="s">
        <v>36</v>
      </c>
      <c r="L32" s="117"/>
      <c r="M32" s="117"/>
      <c r="N32" s="109"/>
      <c r="O32" s="109"/>
      <c r="P32" s="109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/>
      <c r="BH32" s="110"/>
      <c r="BI32" s="110"/>
      <c r="BJ32" s="110"/>
    </row>
    <row r="33" spans="1:16" s="40" customFormat="1" ht="33" customHeight="1" x14ac:dyDescent="0.25">
      <c r="A33" s="86" t="s">
        <v>0</v>
      </c>
      <c r="B33" s="65"/>
      <c r="C33" s="66"/>
      <c r="D33" s="84"/>
      <c r="E33" s="84"/>
      <c r="F33" s="84"/>
      <c r="G33" s="84"/>
      <c r="H33" s="67"/>
      <c r="I33" s="68"/>
      <c r="J33" s="93"/>
      <c r="K33" s="135" t="s">
        <v>116</v>
      </c>
      <c r="L33" s="97"/>
      <c r="M33" s="97"/>
      <c r="N33" s="50"/>
      <c r="O33" s="50"/>
      <c r="P33" s="50"/>
    </row>
    <row r="34" spans="1:16" s="40" customFormat="1" ht="33" customHeight="1" x14ac:dyDescent="0.25">
      <c r="A34" s="85" t="s">
        <v>12</v>
      </c>
      <c r="B34" s="69"/>
      <c r="C34" s="70"/>
      <c r="D34" s="85"/>
      <c r="E34" s="85"/>
      <c r="F34" s="85"/>
      <c r="G34" s="86"/>
      <c r="H34" s="71"/>
      <c r="I34" s="72"/>
      <c r="J34" s="94"/>
      <c r="K34" s="136"/>
      <c r="L34" s="97"/>
      <c r="M34" s="97"/>
      <c r="N34" s="50"/>
      <c r="O34" s="50"/>
      <c r="P34" s="50"/>
    </row>
    <row r="35" spans="1:16" s="40" customFormat="1" ht="33" customHeight="1" x14ac:dyDescent="0.25">
      <c r="A35" s="87" t="s">
        <v>13</v>
      </c>
      <c r="B35" s="88"/>
      <c r="C35" s="89"/>
      <c r="D35" s="87"/>
      <c r="E35" s="87"/>
      <c r="F35" s="87"/>
      <c r="G35" s="87"/>
      <c r="H35" s="90"/>
      <c r="I35" s="91"/>
      <c r="J35" s="95"/>
      <c r="K35" s="137"/>
      <c r="L35" s="97"/>
      <c r="M35" s="97"/>
      <c r="N35" s="50"/>
      <c r="O35" s="50"/>
      <c r="P35" s="50"/>
    </row>
    <row r="36" spans="1:16" s="13" customFormat="1" ht="15.75" customHeight="1" x14ac:dyDescent="0.2">
      <c r="A36" s="23"/>
      <c r="B36" s="23"/>
      <c r="C36" s="10"/>
      <c r="D36" s="41"/>
      <c r="F36" s="14"/>
      <c r="G36" s="14"/>
      <c r="H36" s="14"/>
      <c r="I36" s="14"/>
      <c r="J36" s="26"/>
      <c r="K36" s="26"/>
      <c r="L36" s="26"/>
      <c r="M36" s="26"/>
    </row>
    <row r="37" spans="1:16" s="18" customFormat="1" ht="20.100000000000001" customHeight="1" x14ac:dyDescent="0.2">
      <c r="A37" s="42" t="s">
        <v>3</v>
      </c>
      <c r="B37" s="42"/>
      <c r="C37" s="141"/>
      <c r="D37" s="141"/>
      <c r="E37" s="25"/>
      <c r="F37" s="17"/>
      <c r="G37" s="17"/>
      <c r="H37" s="17"/>
      <c r="I37" s="17"/>
      <c r="J37" s="17"/>
      <c r="K37" s="26"/>
      <c r="L37" s="26"/>
    </row>
    <row r="38" spans="1:16" s="18" customFormat="1" ht="20.100000000000001" customHeight="1" x14ac:dyDescent="0.2">
      <c r="A38" s="42" t="s">
        <v>4</v>
      </c>
      <c r="B38" s="42"/>
      <c r="C38" s="140"/>
      <c r="D38" s="140"/>
      <c r="E38" s="20"/>
      <c r="F38" s="17"/>
      <c r="G38" s="17"/>
      <c r="H38" s="17"/>
      <c r="I38" s="17"/>
      <c r="J38" s="17"/>
      <c r="K38" s="21"/>
      <c r="L38" s="22"/>
    </row>
    <row r="39" spans="1:16" s="18" customFormat="1" ht="20.100000000000001" customHeight="1" x14ac:dyDescent="0.2">
      <c r="A39" s="42" t="s">
        <v>5</v>
      </c>
      <c r="B39" s="42"/>
      <c r="C39" s="140"/>
      <c r="D39" s="140"/>
      <c r="E39" s="20"/>
      <c r="F39" s="17"/>
      <c r="G39" s="17"/>
      <c r="H39" s="17"/>
      <c r="I39" s="17"/>
      <c r="J39" s="17"/>
      <c r="K39" s="21"/>
      <c r="L39" s="22"/>
    </row>
    <row r="40" spans="1:16" s="18" customFormat="1" ht="20.100000000000001" customHeight="1" x14ac:dyDescent="0.25">
      <c r="A40" s="42"/>
      <c r="B40" s="42"/>
      <c r="C40" s="42"/>
      <c r="D40" s="19"/>
      <c r="E40" s="20"/>
      <c r="F40" s="17"/>
      <c r="G40" s="17"/>
      <c r="H40" s="17"/>
      <c r="I40" s="17"/>
      <c r="J40" s="17"/>
      <c r="K40" s="21"/>
      <c r="L40" s="22"/>
    </row>
    <row r="41" spans="1:16" s="18" customFormat="1" ht="20.100000000000001" customHeight="1" x14ac:dyDescent="0.2">
      <c r="A41" s="42" t="s">
        <v>6</v>
      </c>
      <c r="B41" s="42"/>
      <c r="C41" s="141"/>
      <c r="D41" s="141"/>
      <c r="E41" s="20"/>
      <c r="F41" s="17"/>
      <c r="G41" s="17"/>
      <c r="H41" s="17"/>
      <c r="I41" s="17"/>
      <c r="J41" s="17"/>
      <c r="K41" s="21"/>
      <c r="L41" s="22"/>
    </row>
    <row r="42" spans="1:16" s="18" customFormat="1" ht="20.100000000000001" customHeight="1" x14ac:dyDescent="0.2">
      <c r="A42" s="42" t="s">
        <v>7</v>
      </c>
      <c r="B42" s="42"/>
      <c r="C42" s="140"/>
      <c r="D42" s="140"/>
      <c r="E42" s="20"/>
      <c r="F42" s="17"/>
      <c r="G42" s="27" t="s">
        <v>20</v>
      </c>
      <c r="H42" s="151"/>
      <c r="I42" s="151"/>
      <c r="J42" s="17"/>
      <c r="K42" s="21"/>
      <c r="L42" s="22"/>
    </row>
    <row r="43" spans="1:16" s="18" customFormat="1" ht="20.100000000000001" customHeight="1" x14ac:dyDescent="0.2">
      <c r="A43" s="42" t="s">
        <v>8</v>
      </c>
      <c r="B43" s="42"/>
      <c r="C43" s="140"/>
      <c r="D43" s="140"/>
      <c r="E43" s="20"/>
      <c r="F43" s="17"/>
      <c r="G43" s="28"/>
      <c r="H43" s="29"/>
      <c r="I43" s="29"/>
    </row>
    <row r="44" spans="1:16" s="18" customFormat="1" ht="20.100000000000001" customHeight="1" x14ac:dyDescent="0.25">
      <c r="A44" s="19"/>
      <c r="B44" s="19"/>
      <c r="C44" s="19"/>
      <c r="D44" s="20"/>
      <c r="E44" s="20"/>
      <c r="F44" s="17"/>
      <c r="G44" s="30" t="s">
        <v>21</v>
      </c>
      <c r="H44" s="152"/>
      <c r="I44" s="152"/>
    </row>
    <row r="45" spans="1:16" s="18" customFormat="1" ht="20.100000000000001" customHeight="1" x14ac:dyDescent="0.25">
      <c r="A45" s="19"/>
      <c r="B45" s="19"/>
      <c r="C45" s="19"/>
      <c r="D45" s="20"/>
      <c r="E45" s="20"/>
      <c r="F45" s="17"/>
      <c r="G45" s="30" t="s">
        <v>22</v>
      </c>
      <c r="H45" s="150"/>
      <c r="I45" s="150"/>
    </row>
    <row r="46" spans="1:16" s="13" customFormat="1" ht="20.100000000000001" customHeight="1" x14ac:dyDescent="0.2">
      <c r="A46" s="10" t="s">
        <v>2</v>
      </c>
      <c r="B46" s="140"/>
      <c r="C46" s="140"/>
      <c r="D46" s="11"/>
      <c r="E46" s="11"/>
      <c r="F46" s="14"/>
      <c r="G46" s="31" t="s">
        <v>23</v>
      </c>
      <c r="H46" s="28"/>
      <c r="I46" s="32"/>
      <c r="M46" s="10"/>
    </row>
    <row r="47" spans="1:16" s="13" customFormat="1" ht="20.100000000000001" customHeight="1" x14ac:dyDescent="0.2">
      <c r="A47" s="10" t="s">
        <v>1</v>
      </c>
      <c r="B47" s="149"/>
      <c r="C47" s="149"/>
      <c r="D47" s="11"/>
      <c r="E47" s="11"/>
      <c r="F47" s="14"/>
      <c r="G47" s="14"/>
      <c r="H47" s="14"/>
      <c r="I47" s="14"/>
      <c r="M47" s="10"/>
    </row>
    <row r="48" spans="1:16" s="13" customFormat="1" x14ac:dyDescent="0.2">
      <c r="A48" s="10"/>
      <c r="B48" s="10"/>
      <c r="C48" s="10"/>
      <c r="D48" s="11"/>
      <c r="E48" s="11"/>
      <c r="F48" s="14"/>
      <c r="G48" s="14"/>
      <c r="H48" s="14"/>
      <c r="I48" s="14"/>
      <c r="J48" s="14"/>
      <c r="K48" s="12"/>
      <c r="L48" s="10"/>
      <c r="M48" s="10"/>
    </row>
    <row r="49" spans="1:13" s="13" customFormat="1" ht="15" customHeight="1" x14ac:dyDescent="0.2">
      <c r="A49" s="10"/>
      <c r="B49" s="10"/>
      <c r="D49" s="11"/>
      <c r="E49" s="11"/>
      <c r="F49" s="14"/>
      <c r="G49" s="14"/>
      <c r="H49" s="14"/>
      <c r="I49" s="14"/>
      <c r="J49" s="14"/>
      <c r="K49" s="12"/>
      <c r="L49" s="10"/>
      <c r="M49" s="10"/>
    </row>
    <row r="50" spans="1:13" s="2" customFormat="1" x14ac:dyDescent="0.2">
      <c r="A50" s="148" t="s">
        <v>10</v>
      </c>
      <c r="B50" s="148"/>
      <c r="D50" s="3"/>
      <c r="E50" s="3"/>
      <c r="F50" s="4"/>
      <c r="G50" s="4"/>
      <c r="H50" s="4"/>
      <c r="I50" s="4"/>
      <c r="J50" s="4"/>
      <c r="K50" s="15"/>
    </row>
    <row r="51" spans="1:13" ht="14.25" x14ac:dyDescent="0.2">
      <c r="A51" s="33"/>
      <c r="B51" s="34" t="s">
        <v>11</v>
      </c>
    </row>
    <row r="52" spans="1:13" ht="6.75" customHeight="1" x14ac:dyDescent="0.2">
      <c r="A52" s="35"/>
      <c r="B52" s="36"/>
    </row>
  </sheetData>
  <mergeCells count="60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3:K13"/>
    <mergeCell ref="A14:A15"/>
    <mergeCell ref="B14:B15"/>
    <mergeCell ref="C14:C15"/>
    <mergeCell ref="D14:D15"/>
    <mergeCell ref="E14:E15"/>
    <mergeCell ref="F14:F15"/>
    <mergeCell ref="G14:G15"/>
    <mergeCell ref="K25:K27"/>
    <mergeCell ref="H14:J14"/>
    <mergeCell ref="K14:K15"/>
    <mergeCell ref="L14:M14"/>
    <mergeCell ref="K17:K19"/>
    <mergeCell ref="A21:K21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L22:M22"/>
    <mergeCell ref="C41:D41"/>
    <mergeCell ref="A29:K29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L30:M30"/>
    <mergeCell ref="K33:K35"/>
    <mergeCell ref="C37:D37"/>
    <mergeCell ref="C38:D38"/>
    <mergeCell ref="C39:D39"/>
    <mergeCell ref="B47:C47"/>
    <mergeCell ref="A50:B50"/>
    <mergeCell ref="C42:D42"/>
    <mergeCell ref="H42:I42"/>
    <mergeCell ref="C43:D43"/>
    <mergeCell ref="H44:I44"/>
    <mergeCell ref="H45:I45"/>
    <mergeCell ref="B46:C46"/>
  </mergeCells>
  <conditionalFormatting sqref="B46:C46">
    <cfRule type="containsBlanks" dxfId="323" priority="6">
      <formula>LEN(TRIM(B46))=0</formula>
    </cfRule>
  </conditionalFormatting>
  <conditionalFormatting sqref="B47:C47">
    <cfRule type="containsBlanks" dxfId="322" priority="5">
      <formula>LEN(TRIM(B47))=0</formula>
    </cfRule>
  </conditionalFormatting>
  <conditionalFormatting sqref="H44:I44">
    <cfRule type="containsBlanks" dxfId="321" priority="4">
      <formula>LEN(TRIM(H44))=0</formula>
    </cfRule>
  </conditionalFormatting>
  <conditionalFormatting sqref="H45:I45">
    <cfRule type="containsBlanks" dxfId="320" priority="3">
      <formula>LEN(TRIM(H45))=0</formula>
    </cfRule>
  </conditionalFormatting>
  <conditionalFormatting sqref="C37:D39">
    <cfRule type="containsBlanks" dxfId="319" priority="2">
      <formula>LEN(TRIM(C37))=0</formula>
    </cfRule>
  </conditionalFormatting>
  <conditionalFormatting sqref="C41:D43">
    <cfRule type="containsBlanks" dxfId="318" priority="1">
      <formula>LEN(TRIM(C41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20" max="12" man="1"/>
  </rowBreaks>
  <colBreaks count="1" manualBreakCount="1">
    <brk id="13" max="28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38" t="s">
        <v>47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7" t="s">
        <v>82</v>
      </c>
      <c r="B3" s="147"/>
      <c r="C3" s="147"/>
      <c r="D3" s="147"/>
      <c r="E3" s="147"/>
      <c r="F3" s="147"/>
      <c r="G3" s="147"/>
      <c r="H3" s="147"/>
      <c r="I3" s="147"/>
      <c r="J3" s="147"/>
      <c r="K3" s="147"/>
      <c r="L3" s="147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47" t="s">
        <v>117</v>
      </c>
      <c r="B5" s="147"/>
      <c r="C5" s="147"/>
      <c r="D5" s="147"/>
      <c r="E5" s="147"/>
      <c r="F5" s="147"/>
      <c r="G5" s="147"/>
      <c r="H5" s="147"/>
      <c r="I5" s="147"/>
      <c r="J5" s="147"/>
      <c r="K5" s="147"/>
      <c r="L5" s="147"/>
    </row>
    <row r="6" spans="1:62" s="43" customFormat="1" ht="33" customHeight="1" x14ac:dyDescent="0.25">
      <c r="A6" s="153" t="s">
        <v>24</v>
      </c>
      <c r="B6" s="155" t="s">
        <v>25</v>
      </c>
      <c r="C6" s="153" t="s">
        <v>43</v>
      </c>
      <c r="D6" s="157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54"/>
      <c r="B7" s="156"/>
      <c r="C7" s="154"/>
      <c r="D7" s="158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18</v>
      </c>
      <c r="C9" s="114" t="s">
        <v>46</v>
      </c>
      <c r="D9" s="119">
        <v>14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19</v>
      </c>
      <c r="C10" s="114" t="s">
        <v>46</v>
      </c>
      <c r="D10" s="119">
        <v>5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39" t="s">
        <v>120</v>
      </c>
      <c r="B12" s="139"/>
      <c r="C12" s="139"/>
      <c r="D12" s="139"/>
      <c r="E12" s="139"/>
      <c r="F12" s="139"/>
      <c r="G12" s="139"/>
      <c r="H12" s="139"/>
      <c r="I12" s="139"/>
      <c r="J12" s="139"/>
      <c r="K12" s="139"/>
      <c r="L12" s="64"/>
      <c r="M12" s="64"/>
      <c r="N12" s="64"/>
      <c r="O12" s="64"/>
      <c r="P12" s="64"/>
    </row>
    <row r="13" spans="1:62" s="39" customFormat="1" ht="33" customHeight="1" x14ac:dyDescent="0.25">
      <c r="A13" s="128" t="s">
        <v>24</v>
      </c>
      <c r="B13" s="128" t="s">
        <v>39</v>
      </c>
      <c r="C13" s="128" t="s">
        <v>40</v>
      </c>
      <c r="D13" s="128" t="s">
        <v>30</v>
      </c>
      <c r="E13" s="128" t="s">
        <v>32</v>
      </c>
      <c r="F13" s="128" t="s">
        <v>41</v>
      </c>
      <c r="G13" s="128" t="s">
        <v>42</v>
      </c>
      <c r="H13" s="130" t="s">
        <v>45</v>
      </c>
      <c r="I13" s="131"/>
      <c r="J13" s="131"/>
      <c r="K13" s="132" t="s">
        <v>53</v>
      </c>
      <c r="L13" s="134"/>
      <c r="M13" s="134"/>
      <c r="N13" s="47"/>
      <c r="O13" s="47"/>
      <c r="P13" s="47"/>
    </row>
    <row r="14" spans="1:62" s="39" customFormat="1" ht="22.5" customHeight="1" x14ac:dyDescent="0.25">
      <c r="A14" s="129"/>
      <c r="B14" s="129"/>
      <c r="C14" s="129"/>
      <c r="D14" s="129"/>
      <c r="E14" s="129"/>
      <c r="F14" s="129"/>
      <c r="G14" s="129"/>
      <c r="H14" s="48" t="s">
        <v>26</v>
      </c>
      <c r="I14" s="49" t="s">
        <v>27</v>
      </c>
      <c r="J14" s="92" t="s">
        <v>28</v>
      </c>
      <c r="K14" s="133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35" t="s">
        <v>122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36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37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39" t="s">
        <v>121</v>
      </c>
      <c r="B20" s="139"/>
      <c r="C20" s="139"/>
      <c r="D20" s="139"/>
      <c r="E20" s="139"/>
      <c r="F20" s="139"/>
      <c r="G20" s="139"/>
      <c r="H20" s="139"/>
      <c r="I20" s="139"/>
      <c r="J20" s="139"/>
      <c r="K20" s="139"/>
      <c r="L20" s="64"/>
      <c r="M20" s="64"/>
      <c r="N20" s="64"/>
      <c r="O20" s="64"/>
      <c r="P20" s="64"/>
    </row>
    <row r="21" spans="1:62" s="39" customFormat="1" ht="33" customHeight="1" x14ac:dyDescent="0.25">
      <c r="A21" s="128" t="s">
        <v>24</v>
      </c>
      <c r="B21" s="128" t="s">
        <v>39</v>
      </c>
      <c r="C21" s="128" t="s">
        <v>40</v>
      </c>
      <c r="D21" s="128" t="s">
        <v>30</v>
      </c>
      <c r="E21" s="128" t="s">
        <v>32</v>
      </c>
      <c r="F21" s="128" t="s">
        <v>41</v>
      </c>
      <c r="G21" s="128" t="s">
        <v>42</v>
      </c>
      <c r="H21" s="130" t="s">
        <v>45</v>
      </c>
      <c r="I21" s="131"/>
      <c r="J21" s="131"/>
      <c r="K21" s="132" t="s">
        <v>53</v>
      </c>
      <c r="L21" s="134"/>
      <c r="M21" s="134"/>
      <c r="N21" s="47"/>
      <c r="O21" s="47"/>
      <c r="P21" s="47"/>
    </row>
    <row r="22" spans="1:62" s="39" customFormat="1" ht="22.5" customHeight="1" x14ac:dyDescent="0.25">
      <c r="A22" s="129"/>
      <c r="B22" s="129"/>
      <c r="C22" s="129"/>
      <c r="D22" s="129"/>
      <c r="E22" s="129"/>
      <c r="F22" s="129"/>
      <c r="G22" s="129"/>
      <c r="H22" s="48" t="s">
        <v>26</v>
      </c>
      <c r="I22" s="49" t="s">
        <v>27</v>
      </c>
      <c r="J22" s="92" t="s">
        <v>28</v>
      </c>
      <c r="K22" s="133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35" t="s">
        <v>87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36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37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41"/>
      <c r="D29" s="141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40"/>
      <c r="D30" s="14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40"/>
      <c r="D31" s="14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41"/>
      <c r="D33" s="141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40"/>
      <c r="D34" s="140"/>
      <c r="E34" s="20"/>
      <c r="F34" s="17"/>
      <c r="G34" s="27" t="s">
        <v>20</v>
      </c>
      <c r="H34" s="151"/>
      <c r="I34" s="151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40"/>
      <c r="D35" s="14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52"/>
      <c r="I36" s="152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50"/>
      <c r="I37" s="150"/>
    </row>
    <row r="38" spans="1:13" s="13" customFormat="1" ht="20.100000000000001" customHeight="1" x14ac:dyDescent="0.2">
      <c r="A38" s="10" t="s">
        <v>2</v>
      </c>
      <c r="B38" s="140"/>
      <c r="C38" s="14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49"/>
      <c r="C39" s="149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48" t="s">
        <v>10</v>
      </c>
      <c r="B42" s="148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2:K12"/>
    <mergeCell ref="A13:A14"/>
    <mergeCell ref="B13:B14"/>
    <mergeCell ref="C13:C14"/>
    <mergeCell ref="D13:D14"/>
    <mergeCell ref="E13:E14"/>
    <mergeCell ref="F13:F14"/>
    <mergeCell ref="G13:G1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H36:I36"/>
    <mergeCell ref="H37:I37"/>
    <mergeCell ref="B38:C38"/>
    <mergeCell ref="B39:C39"/>
    <mergeCell ref="A42:B42"/>
  </mergeCells>
  <conditionalFormatting sqref="B38:C38">
    <cfRule type="containsBlanks" dxfId="317" priority="6">
      <formula>LEN(TRIM(B38))=0</formula>
    </cfRule>
  </conditionalFormatting>
  <conditionalFormatting sqref="B39:C39">
    <cfRule type="containsBlanks" dxfId="316" priority="5">
      <formula>LEN(TRIM(B39))=0</formula>
    </cfRule>
  </conditionalFormatting>
  <conditionalFormatting sqref="H36:I36">
    <cfRule type="containsBlanks" dxfId="315" priority="4">
      <formula>LEN(TRIM(H36))=0</formula>
    </cfRule>
  </conditionalFormatting>
  <conditionalFormatting sqref="H37:I37">
    <cfRule type="containsBlanks" dxfId="314" priority="3">
      <formula>LEN(TRIM(H37))=0</formula>
    </cfRule>
  </conditionalFormatting>
  <conditionalFormatting sqref="C29:D31">
    <cfRule type="containsBlanks" dxfId="313" priority="2">
      <formula>LEN(TRIM(C29))=0</formula>
    </cfRule>
  </conditionalFormatting>
  <conditionalFormatting sqref="C33:D35">
    <cfRule type="containsBlanks" dxfId="312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1</vt:i4>
      </vt:variant>
      <vt:variant>
        <vt:lpstr>Pomenované rozsahy</vt:lpstr>
      </vt:variant>
      <vt:variant>
        <vt:i4>61</vt:i4>
      </vt:variant>
    </vt:vector>
  </HeadingPairs>
  <TitlesOfParts>
    <vt:vector size="122" baseType="lpstr">
      <vt:lpstr>Kalkulácia ceny-časť č. 1</vt:lpstr>
      <vt:lpstr>Kalkulácia ceny-časť č. 2</vt:lpstr>
      <vt:lpstr>Kalkulácia ceny-časť č. 3</vt:lpstr>
      <vt:lpstr>Kalkulácia ceny-časť č. 4</vt:lpstr>
      <vt:lpstr>Kalkulácia ceny-časť č. 5</vt:lpstr>
      <vt:lpstr>Kalkulácia ceny-časť č. 6</vt:lpstr>
      <vt:lpstr>Kalkulácia ceny-časť č. 7</vt:lpstr>
      <vt:lpstr>Kalkulácia ceny-časť č. 8</vt:lpstr>
      <vt:lpstr>Kalkulácia ceny-časť č. 9</vt:lpstr>
      <vt:lpstr>Kalkulácia ceny-časť č. 10</vt:lpstr>
      <vt:lpstr>Kalkulácia ceny-časť č. 11</vt:lpstr>
      <vt:lpstr>Kalkulácia ceny-časť č. 12</vt:lpstr>
      <vt:lpstr>Kalkulácia ceny-časť č. 13</vt:lpstr>
      <vt:lpstr>Kalkulácia ceny-časť č. 14</vt:lpstr>
      <vt:lpstr>Kalkulácia ceny-časť č. 15</vt:lpstr>
      <vt:lpstr>Kalkulácia ceny-časť č. 16</vt:lpstr>
      <vt:lpstr>Kalkulácia ceny-časť č. 17</vt:lpstr>
      <vt:lpstr>Kalkulácia ceny-časť č. 18</vt:lpstr>
      <vt:lpstr>Kalkulácia ceny-časť č. 19</vt:lpstr>
      <vt:lpstr>Kalkulácia ceny-časť č. 20</vt:lpstr>
      <vt:lpstr>Kalkulácia ceny-časť č. 21</vt:lpstr>
      <vt:lpstr>Kalkulácia ceny-časť č. 22</vt:lpstr>
      <vt:lpstr>Kalkulácia ceny-časť č. 23</vt:lpstr>
      <vt:lpstr>Kalkulácia ceny-časť č. 24</vt:lpstr>
      <vt:lpstr>Kalkulácia ceny-časť č. 25</vt:lpstr>
      <vt:lpstr>Kalkulácia ceny-časť č. 26</vt:lpstr>
      <vt:lpstr>Kalkulácia ceny-časť č. 27</vt:lpstr>
      <vt:lpstr>Kalkulácia ceny-časť č. 28</vt:lpstr>
      <vt:lpstr>Kalkulácia ceny-časť č. 29</vt:lpstr>
      <vt:lpstr>Kalkulácia ceny-časť č. 30</vt:lpstr>
      <vt:lpstr>Kalkulácia ceny-časť č. 31</vt:lpstr>
      <vt:lpstr>Kalkulácia ceny-časť č. 32</vt:lpstr>
      <vt:lpstr>Kalkulácia ceny-časť č. 33</vt:lpstr>
      <vt:lpstr>Kalkulácia ceny-časť č. 34</vt:lpstr>
      <vt:lpstr>Kalkulácia ceny-časť č. 35</vt:lpstr>
      <vt:lpstr>Kalkulácia ceny-časť č. 36</vt:lpstr>
      <vt:lpstr>Kalkulácia ceny-časť č. 37</vt:lpstr>
      <vt:lpstr>Kalkulácia ceny-časť č. 38</vt:lpstr>
      <vt:lpstr>Kalkulácia ceny-časť č. 39</vt:lpstr>
      <vt:lpstr>Kalkulácia ceny-časť č. 40</vt:lpstr>
      <vt:lpstr>Kalkulácia ceny-časť č. 41</vt:lpstr>
      <vt:lpstr>Kalkulácia ceny-časť č. 42</vt:lpstr>
      <vt:lpstr>Kalkulácia ceny-časť č. 43</vt:lpstr>
      <vt:lpstr>Kalkulácia ceny-časť č. 44</vt:lpstr>
      <vt:lpstr>Kalkulácia ceny-časť č. 45</vt:lpstr>
      <vt:lpstr>Kalkulácia ceny-časť č. 46</vt:lpstr>
      <vt:lpstr>Kalkulácia ceny-časť č. 47</vt:lpstr>
      <vt:lpstr>Kalkulácia ceny-časť č. 48</vt:lpstr>
      <vt:lpstr>Kalkulácia ceny-časť č. 49</vt:lpstr>
      <vt:lpstr>Kalkulácia ceny-časť č. 50</vt:lpstr>
      <vt:lpstr>Kalkulácia ceny-časť č. 51</vt:lpstr>
      <vt:lpstr>Kalkulácia ceny-časť č. 52</vt:lpstr>
      <vt:lpstr>Kalkulácia ceny-časť č. 53</vt:lpstr>
      <vt:lpstr>Kalkulácia ceny-časť č. 54</vt:lpstr>
      <vt:lpstr>Kalkulácia ceny-časť č. 55</vt:lpstr>
      <vt:lpstr>Kalkulácia ceny-časť č. 56</vt:lpstr>
      <vt:lpstr>Kalkulácia ceny-časť č. 57</vt:lpstr>
      <vt:lpstr>Kalkulácia ceny-časť č. 58</vt:lpstr>
      <vt:lpstr>Kalkulácia ceny-časť č. 59</vt:lpstr>
      <vt:lpstr>Kalkulácia ceny-časť č. 60</vt:lpstr>
      <vt:lpstr>Kalkulácia ceny-časť č. 61</vt:lpstr>
      <vt:lpstr>'Kalkulácia ceny-časť č. 1'!Oblasť_tlače</vt:lpstr>
      <vt:lpstr>'Kalkulácia ceny-časť č. 10'!Oblasť_tlače</vt:lpstr>
      <vt:lpstr>'Kalkulácia ceny-časť č. 11'!Oblasť_tlače</vt:lpstr>
      <vt:lpstr>'Kalkulácia ceny-časť č. 12'!Oblasť_tlače</vt:lpstr>
      <vt:lpstr>'Kalkulácia ceny-časť č. 13'!Oblasť_tlače</vt:lpstr>
      <vt:lpstr>'Kalkulácia ceny-časť č. 14'!Oblasť_tlače</vt:lpstr>
      <vt:lpstr>'Kalkulácia ceny-časť č. 15'!Oblasť_tlače</vt:lpstr>
      <vt:lpstr>'Kalkulácia ceny-časť č. 16'!Oblasť_tlače</vt:lpstr>
      <vt:lpstr>'Kalkulácia ceny-časť č. 17'!Oblasť_tlače</vt:lpstr>
      <vt:lpstr>'Kalkulácia ceny-časť č. 18'!Oblasť_tlače</vt:lpstr>
      <vt:lpstr>'Kalkulácia ceny-časť č. 19'!Oblasť_tlače</vt:lpstr>
      <vt:lpstr>'Kalkulácia ceny-časť č. 2'!Oblasť_tlače</vt:lpstr>
      <vt:lpstr>'Kalkulácia ceny-časť č. 20'!Oblasť_tlače</vt:lpstr>
      <vt:lpstr>'Kalkulácia ceny-časť č. 21'!Oblasť_tlače</vt:lpstr>
      <vt:lpstr>'Kalkulácia ceny-časť č. 22'!Oblasť_tlače</vt:lpstr>
      <vt:lpstr>'Kalkulácia ceny-časť č. 23'!Oblasť_tlače</vt:lpstr>
      <vt:lpstr>'Kalkulácia ceny-časť č. 24'!Oblasť_tlače</vt:lpstr>
      <vt:lpstr>'Kalkulácia ceny-časť č. 25'!Oblasť_tlače</vt:lpstr>
      <vt:lpstr>'Kalkulácia ceny-časť č. 26'!Oblasť_tlače</vt:lpstr>
      <vt:lpstr>'Kalkulácia ceny-časť č. 27'!Oblasť_tlače</vt:lpstr>
      <vt:lpstr>'Kalkulácia ceny-časť č. 28'!Oblasť_tlače</vt:lpstr>
      <vt:lpstr>'Kalkulácia ceny-časť č. 29'!Oblasť_tlače</vt:lpstr>
      <vt:lpstr>'Kalkulácia ceny-časť č. 3'!Oblasť_tlače</vt:lpstr>
      <vt:lpstr>'Kalkulácia ceny-časť č. 30'!Oblasť_tlače</vt:lpstr>
      <vt:lpstr>'Kalkulácia ceny-časť č. 31'!Oblasť_tlače</vt:lpstr>
      <vt:lpstr>'Kalkulácia ceny-časť č. 32'!Oblasť_tlače</vt:lpstr>
      <vt:lpstr>'Kalkulácia ceny-časť č. 33'!Oblasť_tlače</vt:lpstr>
      <vt:lpstr>'Kalkulácia ceny-časť č. 34'!Oblasť_tlače</vt:lpstr>
      <vt:lpstr>'Kalkulácia ceny-časť č. 35'!Oblasť_tlače</vt:lpstr>
      <vt:lpstr>'Kalkulácia ceny-časť č. 36'!Oblasť_tlače</vt:lpstr>
      <vt:lpstr>'Kalkulácia ceny-časť č. 37'!Oblasť_tlače</vt:lpstr>
      <vt:lpstr>'Kalkulácia ceny-časť č. 38'!Oblasť_tlače</vt:lpstr>
      <vt:lpstr>'Kalkulácia ceny-časť č. 39'!Oblasť_tlače</vt:lpstr>
      <vt:lpstr>'Kalkulácia ceny-časť č. 4'!Oblasť_tlače</vt:lpstr>
      <vt:lpstr>'Kalkulácia ceny-časť č. 40'!Oblasť_tlače</vt:lpstr>
      <vt:lpstr>'Kalkulácia ceny-časť č. 41'!Oblasť_tlače</vt:lpstr>
      <vt:lpstr>'Kalkulácia ceny-časť č. 42'!Oblasť_tlače</vt:lpstr>
      <vt:lpstr>'Kalkulácia ceny-časť č. 43'!Oblasť_tlače</vt:lpstr>
      <vt:lpstr>'Kalkulácia ceny-časť č. 44'!Oblasť_tlače</vt:lpstr>
      <vt:lpstr>'Kalkulácia ceny-časť č. 45'!Oblasť_tlače</vt:lpstr>
      <vt:lpstr>'Kalkulácia ceny-časť č. 46'!Oblasť_tlače</vt:lpstr>
      <vt:lpstr>'Kalkulácia ceny-časť č. 47'!Oblasť_tlače</vt:lpstr>
      <vt:lpstr>'Kalkulácia ceny-časť č. 48'!Oblasť_tlače</vt:lpstr>
      <vt:lpstr>'Kalkulácia ceny-časť č. 49'!Oblasť_tlače</vt:lpstr>
      <vt:lpstr>'Kalkulácia ceny-časť č. 5'!Oblasť_tlače</vt:lpstr>
      <vt:lpstr>'Kalkulácia ceny-časť č. 50'!Oblasť_tlače</vt:lpstr>
      <vt:lpstr>'Kalkulácia ceny-časť č. 51'!Oblasť_tlače</vt:lpstr>
      <vt:lpstr>'Kalkulácia ceny-časť č. 52'!Oblasť_tlače</vt:lpstr>
      <vt:lpstr>'Kalkulácia ceny-časť č. 53'!Oblasť_tlače</vt:lpstr>
      <vt:lpstr>'Kalkulácia ceny-časť č. 54'!Oblasť_tlače</vt:lpstr>
      <vt:lpstr>'Kalkulácia ceny-časť č. 55'!Oblasť_tlače</vt:lpstr>
      <vt:lpstr>'Kalkulácia ceny-časť č. 56'!Oblasť_tlače</vt:lpstr>
      <vt:lpstr>'Kalkulácia ceny-časť č. 57'!Oblasť_tlače</vt:lpstr>
      <vt:lpstr>'Kalkulácia ceny-časť č. 58'!Oblasť_tlače</vt:lpstr>
      <vt:lpstr>'Kalkulácia ceny-časť č. 59'!Oblasť_tlače</vt:lpstr>
      <vt:lpstr>'Kalkulácia ceny-časť č. 6'!Oblasť_tlače</vt:lpstr>
      <vt:lpstr>'Kalkulácia ceny-časť č. 60'!Oblasť_tlače</vt:lpstr>
      <vt:lpstr>'Kalkulácia ceny-časť č. 61'!Oblasť_tlače</vt:lpstr>
      <vt:lpstr>'Kalkulácia ceny-časť č. 7'!Oblasť_tlače</vt:lpstr>
      <vt:lpstr>'Kalkulácia ceny-časť č. 8'!Oblasť_tlače</vt:lpstr>
      <vt:lpstr>'Kalkulácia ceny-časť č.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2-09-23T12:26:09Z</cp:lastPrinted>
  <dcterms:created xsi:type="dcterms:W3CDTF">2016-07-20T08:41:08Z</dcterms:created>
  <dcterms:modified xsi:type="dcterms:W3CDTF">2022-10-05T12:37:44Z</dcterms:modified>
</cp:coreProperties>
</file>